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C:\Users\s2364\Desktop\"/>
    </mc:Choice>
  </mc:AlternateContent>
  <bookViews>
    <workbookView xWindow="0" yWindow="0" windowWidth="28800" windowHeight="12450" tabRatio="798"/>
  </bookViews>
  <sheets>
    <sheet name="★別紙1（サテライト)" sheetId="307" r:id="rId1"/>
    <sheet name="備考（1）" sheetId="300" r:id="rId2"/>
    <sheet name="★別紙1－2 (サテライト)" sheetId="308" r:id="rId3"/>
    <sheet name="参考様式23" sheetId="226" r:id="rId4"/>
    <sheet name="参考様式23-参考資料" sheetId="304" r:id="rId5"/>
    <sheet name="別紙●24" sheetId="66" state="hidden" r:id="rId6"/>
  </sheets>
  <externalReferences>
    <externalReference r:id="rId7"/>
    <externalReference r:id="rId8"/>
    <externalReference r:id="rId9"/>
  </externalReferences>
  <definedNames>
    <definedName name="ｋ" localSheetId="0">#REF!</definedName>
    <definedName name="ｋ" localSheetId="2">#REF!</definedName>
    <definedName name="ｋ">#REF!</definedName>
    <definedName name="_xlnm.Print_Area" localSheetId="0">'★別紙1（サテライト)'!$A$1:$AF$57</definedName>
    <definedName name="_xlnm.Print_Area" localSheetId="2">'★別紙1－2 (サテライト)'!$A$1:$AF$21</definedName>
    <definedName name="_xlnm.Print_Area" localSheetId="3">参考様式23!$A$1:$AJ$61</definedName>
    <definedName name="_xlnm.Print_Area" localSheetId="4">'参考様式23-参考資料'!$A$1:$S$88</definedName>
    <definedName name="_xlnm.Print_Area" localSheetId="1">'備考（1）'!$A$1:$Q$66</definedName>
    <definedName name="_xlnm.Print_Area" localSheetId="5">別紙●24!$A$1:$AM$77</definedName>
    <definedName name="Z_918D9391_3166_42FD_8CCC_73DDA136E9AD_.wvu.PrintArea" localSheetId="0" hidden="1">'★別紙1（サテライト)'!$A$1:$AF$57</definedName>
    <definedName name="Z_918D9391_3166_42FD_8CCC_73DDA136E9AD_.wvu.PrintArea" localSheetId="2" hidden="1">'★別紙1－2 (サテライト)'!$A$1:$AF$21</definedName>
    <definedName name="あ" localSheetId="2">#REF!</definedName>
    <definedName name="あ">#REF!</definedName>
    <definedName name="あいう" localSheetId="0">#REF!</definedName>
    <definedName name="あいう" localSheetId="2">#REF!</definedName>
    <definedName name="あいう">#REF!</definedName>
    <definedName name="サービス種別">[1]サービス種類一覧!$B$4:$B$20</definedName>
    <definedName name="サービス種類">[2]サービス種類一覧!$C$4:$C$20</definedName>
    <definedName name="サービス名" localSheetId="0">#REF!</definedName>
    <definedName name="サービス名" localSheetId="2">#REF!</definedName>
    <definedName name="サービス名">#REF!</definedName>
    <definedName name="サービス名称" localSheetId="0">#REF!</definedName>
    <definedName name="サービス名称" localSheetId="2">#REF!</definedName>
    <definedName name="サービス名称">#REF!</definedName>
    <definedName name="じ" localSheetId="0">#REF!</definedName>
    <definedName name="じ" localSheetId="2">#REF!</definedName>
    <definedName name="じ">#REF!</definedName>
    <definedName name="だだ" localSheetId="0">#REF!</definedName>
    <definedName name="だだ" localSheetId="2">#REF!</definedName>
    <definedName name="だだ">#REF!</definedName>
    <definedName name="っっｋ" localSheetId="0">#REF!</definedName>
    <definedName name="っっｋ" localSheetId="2">#REF!</definedName>
    <definedName name="っっｋ">#REF!</definedName>
    <definedName name="っっっっｌ" localSheetId="0">#REF!</definedName>
    <definedName name="っっっっｌ" localSheetId="2">#REF!</definedName>
    <definedName name="っっっっｌ">#REF!</definedName>
    <definedName name="確認" localSheetId="0">#REF!</definedName>
    <definedName name="確認" localSheetId="2">#REF!</definedName>
    <definedName name="確認">#REF!</definedName>
    <definedName name="種類">[3]サービス種類一覧!$A$4:$A$20</definedName>
  </definedNames>
  <calcPr calcId="152511"/>
</workbook>
</file>

<file path=xl/calcChain.xml><?xml version="1.0" encoding="utf-8"?>
<calcChain xmlns="http://schemas.openxmlformats.org/spreadsheetml/2006/main">
  <c r="P50" i="304" l="1"/>
  <c r="M50" i="304"/>
  <c r="P48" i="304"/>
  <c r="M48" i="304"/>
  <c r="P46" i="304"/>
  <c r="P53" i="304" s="1"/>
  <c r="P54" i="304" s="1"/>
  <c r="M46" i="304"/>
  <c r="M53" i="304" s="1"/>
  <c r="M54" i="304" s="1"/>
  <c r="P55" i="304" s="1"/>
  <c r="P39" i="304"/>
  <c r="P40" i="304" s="1"/>
  <c r="P36" i="304"/>
  <c r="M36" i="304"/>
  <c r="P34" i="304"/>
  <c r="M34" i="304"/>
  <c r="P32" i="304"/>
  <c r="M32" i="304"/>
  <c r="P30" i="304"/>
  <c r="M30" i="304"/>
  <c r="P28" i="304"/>
  <c r="M28" i="304"/>
  <c r="P26" i="304"/>
  <c r="M26" i="304"/>
  <c r="P24" i="304"/>
  <c r="M24" i="304"/>
  <c r="P22" i="304"/>
  <c r="M22" i="304"/>
  <c r="P20" i="304"/>
  <c r="M20" i="304"/>
  <c r="P18" i="304"/>
  <c r="M18" i="304"/>
  <c r="M39" i="304" s="1"/>
  <c r="M40" i="304" s="1"/>
  <c r="P41" i="304" s="1"/>
  <c r="P16" i="304"/>
  <c r="M16" i="304"/>
  <c r="E50" i="304" l="1"/>
  <c r="E48" i="304"/>
  <c r="E46" i="304"/>
  <c r="M45" i="304"/>
  <c r="E36" i="304"/>
  <c r="E34" i="304"/>
  <c r="E32" i="304"/>
  <c r="E30" i="304"/>
  <c r="E28" i="304"/>
  <c r="E26" i="304"/>
  <c r="E24" i="304"/>
  <c r="E22" i="304"/>
  <c r="E20" i="304"/>
  <c r="E18" i="304"/>
  <c r="E16" i="304"/>
  <c r="M15" i="304"/>
  <c r="J55" i="304" s="1"/>
  <c r="F9" i="304"/>
  <c r="E51" i="304" s="1"/>
  <c r="P15" i="304" l="1"/>
  <c r="E17" i="304"/>
  <c r="E19" i="304"/>
  <c r="E21" i="304"/>
  <c r="E23" i="304"/>
  <c r="E25" i="304"/>
  <c r="E27" i="304"/>
  <c r="E29" i="304"/>
  <c r="E31" i="304"/>
  <c r="E33" i="304"/>
  <c r="E35" i="304"/>
  <c r="E37" i="304"/>
  <c r="P45" i="304"/>
  <c r="E47" i="304"/>
  <c r="E49" i="304"/>
  <c r="J41" i="304"/>
</calcChain>
</file>

<file path=xl/sharedStrings.xml><?xml version="1.0" encoding="utf-8"?>
<sst xmlns="http://schemas.openxmlformats.org/spreadsheetml/2006/main" count="757" uniqueCount="365">
  <si>
    <t>（指定を受けている場合）</t>
    <rPh sb="1" eb="3">
      <t>シテイ</t>
    </rPh>
    <rPh sb="4" eb="5">
      <t>ウ</t>
    </rPh>
    <rPh sb="9" eb="11">
      <t>バアイ</t>
    </rPh>
    <phoneticPr fontId="6"/>
  </si>
  <si>
    <t>施設等の区分</t>
  </si>
  <si>
    <t>訪問介護</t>
  </si>
  <si>
    <t>訪問入浴介護</t>
  </si>
  <si>
    <t>訪問看護</t>
  </si>
  <si>
    <t>通所介護</t>
  </si>
  <si>
    <t>福祉用具貸与</t>
  </si>
  <si>
    <t>短期入所生活介護</t>
  </si>
  <si>
    <t>フリガナ</t>
  </si>
  <si>
    <t>主たる事務所の所在地</t>
  </si>
  <si>
    <t>電話番号</t>
  </si>
  <si>
    <t>FAX番号</t>
  </si>
  <si>
    <t>法人所轄庁</t>
  </si>
  <si>
    <t>代表者の職・氏名</t>
  </si>
  <si>
    <t>職名</t>
  </si>
  <si>
    <t>氏名</t>
  </si>
  <si>
    <t>代表者の住所</t>
  </si>
  <si>
    <t>主たる事業所の所在地以外の場所で一部実施する場合の出張所等の所在地</t>
  </si>
  <si>
    <t>管理者の氏名</t>
  </si>
  <si>
    <t>管理者の住所</t>
  </si>
  <si>
    <t>実施事業</t>
  </si>
  <si>
    <t>異動等の区分</t>
  </si>
  <si>
    <t>介護保険事業所番号</t>
  </si>
  <si>
    <t>特記事項</t>
  </si>
  <si>
    <t>関係書類</t>
  </si>
  <si>
    <t>別添のとおり</t>
  </si>
  <si>
    <t>　　　3　「法人所轄庁」欄、申請者が認可法人である場合に、その主務官庁の名称を記載してください。</t>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6"/>
  </si>
  <si>
    <t>　　　4　「実施事業」欄は、該当する欄に「〇」を記入してください。</t>
  </si>
  <si>
    <t>　　　6　「異動項目」欄には、(別紙1)「介護給付費算定に係る体制等状況一覧表」に掲げる項目を記載してください。</t>
  </si>
  <si>
    <t>平成</t>
    <rPh sb="0" eb="2">
      <t>ヘイセイ</t>
    </rPh>
    <phoneticPr fontId="6"/>
  </si>
  <si>
    <t>日</t>
    <rPh sb="0" eb="1">
      <t>ヒ</t>
    </rPh>
    <phoneticPr fontId="6"/>
  </si>
  <si>
    <t>月</t>
    <rPh sb="0" eb="1">
      <t>ツキ</t>
    </rPh>
    <phoneticPr fontId="6"/>
  </si>
  <si>
    <t>年月日</t>
    <rPh sb="0" eb="3">
      <t>ネンガッピ</t>
    </rPh>
    <phoneticPr fontId="6"/>
  </si>
  <si>
    <t>(※変更の場合)</t>
    <rPh sb="2" eb="4">
      <t>ヘンコウ</t>
    </rPh>
    <rPh sb="5" eb="7">
      <t>バアイ</t>
    </rPh>
    <phoneticPr fontId="6"/>
  </si>
  <si>
    <t>変　更　後</t>
    <rPh sb="4" eb="5">
      <t>ゴ</t>
    </rPh>
    <phoneticPr fontId="6"/>
  </si>
  <si>
    <t>年</t>
    <rPh sb="0" eb="1">
      <t>ネン</t>
    </rPh>
    <phoneticPr fontId="6"/>
  </si>
  <si>
    <t>　　　2　「法人である場合その種別」欄は、申請者が法人である場合に、「社会福祉法人」「医療法人」「社団法人」「財団法人」「株式会社」「有限会社」等の別を記入してください。</t>
  </si>
  <si>
    <t>　　　5　「異動等の区分」欄には、今回届出を行う事業所について該当する数字に「〇」を記入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医療機関コード等</t>
    <rPh sb="0" eb="2">
      <t>イリョウ</t>
    </rPh>
    <rPh sb="2" eb="4">
      <t>キカン</t>
    </rPh>
    <rPh sb="7" eb="8">
      <t>トウ</t>
    </rPh>
    <phoneticPr fontId="6"/>
  </si>
  <si>
    <t>介護給付費算定に係る体制等に関する進達書＜基準該当事業者用＞</t>
    <rPh sb="17" eb="19">
      <t>シンタツ</t>
    </rPh>
    <rPh sb="21" eb="23">
      <t>キジュン</t>
    </rPh>
    <rPh sb="23" eb="25">
      <t>ガイトウ</t>
    </rPh>
    <rPh sb="25" eb="28">
      <t>ジギョウシャ</t>
    </rPh>
    <phoneticPr fontId="6"/>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6"/>
  </si>
  <si>
    <t>届出を行う事業所の状況</t>
    <rPh sb="9" eb="11">
      <t>ジョウキョウ</t>
    </rPh>
    <phoneticPr fontId="6"/>
  </si>
  <si>
    <t>居宅介護支援</t>
    <rPh sb="0" eb="2">
      <t>キョタク</t>
    </rPh>
    <rPh sb="2" eb="4">
      <t>カイゴ</t>
    </rPh>
    <rPh sb="4" eb="6">
      <t>シエン</t>
    </rPh>
    <phoneticPr fontId="6"/>
  </si>
  <si>
    <t>登録年</t>
    <rPh sb="0" eb="2">
      <t>トウロク</t>
    </rPh>
    <rPh sb="2" eb="3">
      <t>ネン</t>
    </rPh>
    <phoneticPr fontId="6"/>
  </si>
  <si>
    <t>月日</t>
    <rPh sb="0" eb="2">
      <t>ガッピ</t>
    </rPh>
    <phoneticPr fontId="6"/>
  </si>
  <si>
    <t>基準該当事業所番号</t>
    <rPh sb="0" eb="2">
      <t>キジュン</t>
    </rPh>
    <rPh sb="2" eb="4">
      <t>ガイトウ</t>
    </rPh>
    <rPh sb="4" eb="7">
      <t>ジギョウショ</t>
    </rPh>
    <rPh sb="7" eb="9">
      <t>バンゴウ</t>
    </rPh>
    <phoneticPr fontId="6"/>
  </si>
  <si>
    <t>登録を受けている市町村</t>
    <rPh sb="0" eb="2">
      <t>トウロク</t>
    </rPh>
    <rPh sb="3" eb="4">
      <t>ウ</t>
    </rPh>
    <rPh sb="8" eb="11">
      <t>シチョウソン</t>
    </rPh>
    <phoneticPr fontId="6"/>
  </si>
  <si>
    <t>既に指定等を受けている事業</t>
    <rPh sb="0" eb="1">
      <t>スデ</t>
    </rPh>
    <rPh sb="2" eb="4">
      <t>シテイ</t>
    </rPh>
    <rPh sb="4" eb="5">
      <t>トウ</t>
    </rPh>
    <rPh sb="6" eb="7">
      <t>ウ</t>
    </rPh>
    <rPh sb="11" eb="13">
      <t>ジギョウ</t>
    </rPh>
    <phoneticPr fontId="6"/>
  </si>
  <si>
    <t>市町村が定める率</t>
    <rPh sb="0" eb="3">
      <t>シチョウソン</t>
    </rPh>
    <rPh sb="4" eb="5">
      <t>サダ</t>
    </rPh>
    <rPh sb="7" eb="8">
      <t>リツ</t>
    </rPh>
    <phoneticPr fontId="6"/>
  </si>
  <si>
    <t>(市町村記載)</t>
    <rPh sb="1" eb="4">
      <t>シチョウソン</t>
    </rPh>
    <rPh sb="4" eb="6">
      <t>キサイ</t>
    </rPh>
    <phoneticPr fontId="6"/>
  </si>
  <si>
    <t>備考1　「受付番号」欄には記載しないでください。</t>
    <rPh sb="7" eb="9">
      <t>バンゴウ</t>
    </rPh>
    <phoneticPr fontId="6"/>
  </si>
  <si>
    <t>法人である場合その種別</t>
    <rPh sb="5" eb="7">
      <t>バアイ</t>
    </rPh>
    <phoneticPr fontId="6"/>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6"/>
  </si>
  <si>
    <t>第1週</t>
  </si>
  <si>
    <t>第2週</t>
  </si>
  <si>
    <t>第3週</t>
  </si>
  <si>
    <t>第4週</t>
  </si>
  <si>
    <t>＊</t>
  </si>
  <si>
    <t>①</t>
  </si>
  <si>
    <t>③</t>
  </si>
  <si>
    <t>②</t>
  </si>
  <si>
    <t>④</t>
  </si>
  <si>
    <t>ab</t>
  </si>
  <si>
    <t>cd</t>
  </si>
  <si>
    <t>e</t>
  </si>
  <si>
    <t>常勤換　　　　　　　　　算後の　　　　　　　　　　　　人数　</t>
    <rPh sb="27" eb="29">
      <t>ニンズウ</t>
    </rPh>
    <phoneticPr fontId="6"/>
  </si>
  <si>
    <t>＜配置状況＞</t>
  </si>
  <si>
    <t>看護職員：介護職員</t>
  </si>
  <si>
    <t>看護師：准看護師　(日中)</t>
    <rPh sb="2" eb="3">
      <t>シ</t>
    </rPh>
    <rPh sb="7" eb="8">
      <t>シ</t>
    </rPh>
    <phoneticPr fontId="6"/>
  </si>
  <si>
    <t>看護師：准看護師 （夜間）</t>
    <rPh sb="2" eb="3">
      <t>シ</t>
    </rPh>
    <rPh sb="7" eb="8">
      <t>シ</t>
    </rPh>
    <rPh sb="10" eb="12">
      <t>ヤカン</t>
    </rPh>
    <phoneticPr fontId="6"/>
  </si>
  <si>
    <t>異動（予定）</t>
    <phoneticPr fontId="6"/>
  </si>
  <si>
    <t>異動項目</t>
    <phoneticPr fontId="6"/>
  </si>
  <si>
    <t xml:space="preserve"> 1新規　2変更　3終了</t>
    <phoneticPr fontId="6"/>
  </si>
  <si>
    <t>　　4　「実施事業」欄は、該当する欄に「〇」を記入してください。</t>
    <phoneticPr fontId="6"/>
  </si>
  <si>
    <t>　　6　「異動項目」欄には、(別紙1，1－2)「介護給付費算定に係る体制等状況一覧表」に掲げる項目を記載してください。</t>
    <phoneticPr fontId="6"/>
  </si>
  <si>
    <t>％</t>
    <phoneticPr fontId="6"/>
  </si>
  <si>
    <t>　　8　「特記事項」欄には、異動の状況について具体的に記載してください。</t>
    <phoneticPr fontId="6"/>
  </si>
  <si>
    <t>市町村長名</t>
    <rPh sb="0" eb="3">
      <t>シチョウソン</t>
    </rPh>
    <rPh sb="3" eb="4">
      <t>チョウ</t>
    </rPh>
    <rPh sb="4" eb="5">
      <t>メイ</t>
    </rPh>
    <phoneticPr fontId="6"/>
  </si>
  <si>
    <t>介護予防訪問介護</t>
    <rPh sb="0" eb="2">
      <t>カイゴ</t>
    </rPh>
    <rPh sb="2" eb="4">
      <t>ヨボウ</t>
    </rPh>
    <phoneticPr fontId="6"/>
  </si>
  <si>
    <t>介護予防訪問入浴介護</t>
    <rPh sb="0" eb="2">
      <t>カイゴ</t>
    </rPh>
    <rPh sb="2" eb="4">
      <t>ヨボウ</t>
    </rPh>
    <phoneticPr fontId="6"/>
  </si>
  <si>
    <t>介護予防通所介護</t>
    <rPh sb="0" eb="2">
      <t>カイゴ</t>
    </rPh>
    <rPh sb="2" eb="4">
      <t>ヨボウ</t>
    </rPh>
    <phoneticPr fontId="6"/>
  </si>
  <si>
    <t>介護予防短期入所生活介護</t>
    <rPh sb="0" eb="2">
      <t>カイゴ</t>
    </rPh>
    <rPh sb="2" eb="4">
      <t>ヨボウ</t>
    </rPh>
    <phoneticPr fontId="6"/>
  </si>
  <si>
    <t>介護予防福祉用具貸与</t>
    <rPh sb="0" eb="2">
      <t>カイゴ</t>
    </rPh>
    <rPh sb="2" eb="4">
      <t>ヨボウ</t>
    </rPh>
    <phoneticPr fontId="6"/>
  </si>
  <si>
    <t>介護予防支援</t>
    <rPh sb="0" eb="2">
      <t>カイゴ</t>
    </rPh>
    <rPh sb="2" eb="4">
      <t>ヨボウ</t>
    </rPh>
    <rPh sb="4" eb="6">
      <t>シエン</t>
    </rPh>
    <phoneticPr fontId="6"/>
  </si>
  <si>
    <t>受付番号</t>
    <phoneticPr fontId="6"/>
  </si>
  <si>
    <t>　　知事　　殿</t>
    <phoneticPr fontId="6"/>
  </si>
  <si>
    <t>届　出　者</t>
    <phoneticPr fontId="6"/>
  </si>
  <si>
    <t>名　　称</t>
    <phoneticPr fontId="6"/>
  </si>
  <si>
    <t>　(郵便番号　　―　　　)</t>
    <phoneticPr fontId="6"/>
  </si>
  <si>
    <t>　　　　　県　　　　郡市</t>
    <phoneticPr fontId="6"/>
  </si>
  <si>
    <t>　(ビルの名称等)</t>
    <phoneticPr fontId="6"/>
  </si>
  <si>
    <t>連 絡 先</t>
    <phoneticPr fontId="6"/>
  </si>
  <si>
    <t>事業所の状況</t>
    <phoneticPr fontId="6"/>
  </si>
  <si>
    <t>同一所在地において行う　　　　　　　　　　　　　　　事業等の種類</t>
    <phoneticPr fontId="6"/>
  </si>
  <si>
    <t>変　更　前</t>
    <phoneticPr fontId="6"/>
  </si>
  <si>
    <t>　　5　「異動等の区分」欄には、今回届出を行う事業所について該当する数字に「〇」を記入してください。</t>
    <phoneticPr fontId="6"/>
  </si>
  <si>
    <t>事 業 所 番 号</t>
  </si>
  <si>
    <t>提供サービス</t>
  </si>
  <si>
    <t>人員配置区分</t>
  </si>
  <si>
    <t>各サービス共通</t>
  </si>
  <si>
    <t>地域区分</t>
  </si>
  <si>
    <t>特別地域加算</t>
  </si>
  <si>
    <t>職員の欠員による減算の状況</t>
  </si>
  <si>
    <t>時間延長サービス体制</t>
  </si>
  <si>
    <t>介護予防訪問看護</t>
  </si>
  <si>
    <t>　　　　　　　　　　＜厚生労働大臣が定める地域＞</t>
    <rPh sb="13" eb="15">
      <t>ロウドウ</t>
    </rPh>
    <phoneticPr fontId="6"/>
  </si>
  <si>
    <t>　　　　　　　　　　　厚生労働大臣が定める地域は、人口５万人未満の市町村であって次に掲げる地域をその区域内に有する市町村の区域とする。</t>
    <rPh sb="13" eb="15">
      <t>ロウドウ</t>
    </rPh>
    <phoneticPr fontId="6"/>
  </si>
  <si>
    <t>若年性認知症利用者受入加算</t>
    <rPh sb="6" eb="9">
      <t>リヨウシャ</t>
    </rPh>
    <rPh sb="9" eb="11">
      <t>ウケイレ</t>
    </rPh>
    <rPh sb="11" eb="13">
      <t>カサン</t>
    </rPh>
    <phoneticPr fontId="6"/>
  </si>
  <si>
    <t>認知症専門ケア加算</t>
    <rPh sb="0" eb="3">
      <t>ニンチショウ</t>
    </rPh>
    <rPh sb="3" eb="5">
      <t>センモン</t>
    </rPh>
    <rPh sb="7" eb="9">
      <t>カサン</t>
    </rPh>
    <phoneticPr fontId="6"/>
  </si>
  <si>
    <t>（別紙１）</t>
    <rPh sb="1" eb="3">
      <t>ベッシ</t>
    </rPh>
    <phoneticPr fontId="6"/>
  </si>
  <si>
    <t>　　　適宜欄を補正して、全ての出張所等の状況について記載してください。</t>
    <phoneticPr fontId="6"/>
  </si>
  <si>
    <t>　　2　「法人である場合その種別」欄は、申請者が法人である場合に、「社会福祉法人」「医療法人」「社団法人」</t>
    <rPh sb="10" eb="12">
      <t>バアイ</t>
    </rPh>
    <phoneticPr fontId="6"/>
  </si>
  <si>
    <t>　　　「財団法人」「株式会社」「有限会社」等の別を記入してください。</t>
    <rPh sb="7" eb="8">
      <t>ジン</t>
    </rPh>
    <rPh sb="10" eb="12">
      <t>カブシキ</t>
    </rPh>
    <rPh sb="12" eb="14">
      <t>カイシャ</t>
    </rPh>
    <phoneticPr fontId="6"/>
  </si>
  <si>
    <t>　　9　「主たる事業所の所在地以外の場所で一部実施する場合の出張所等の所在地」について、複数の出張所等を有する場合は、</t>
    <phoneticPr fontId="6"/>
  </si>
  <si>
    <t>主たる事業所の所在地</t>
    <rPh sb="3" eb="6">
      <t>ジギョウショ</t>
    </rPh>
    <phoneticPr fontId="6"/>
  </si>
  <si>
    <t>　　3　「法人所轄庁」欄は、申請者が認可法人である場合に、その主務官庁の名称を記載してください。</t>
    <phoneticPr fontId="6"/>
  </si>
  <si>
    <t>認知症加算</t>
    <rPh sb="0" eb="3">
      <t>ニンチショウ</t>
    </rPh>
    <rPh sb="3" eb="5">
      <t>カサン</t>
    </rPh>
    <phoneticPr fontId="6"/>
  </si>
  <si>
    <t>ﾘﾊﾋﾞﾘﾃｰｼｮﾝマネジメント加算</t>
    <rPh sb="16" eb="18">
      <t>カサン</t>
    </rPh>
    <phoneticPr fontId="6"/>
  </si>
  <si>
    <t>定期巡回・随時対応サービスに関する状況</t>
    <rPh sb="0" eb="2">
      <t>テイキ</t>
    </rPh>
    <rPh sb="2" eb="4">
      <t>ジュンカイ</t>
    </rPh>
    <rPh sb="5" eb="7">
      <t>ズイジ</t>
    </rPh>
    <rPh sb="7" eb="9">
      <t>タイオウ</t>
    </rPh>
    <rPh sb="14" eb="15">
      <t>カン</t>
    </rPh>
    <rPh sb="17" eb="19">
      <t>ジョウキョウ</t>
    </rPh>
    <phoneticPr fontId="7"/>
  </si>
  <si>
    <t>（別紙●）</t>
    <rPh sb="1" eb="3">
      <t>ベッシ</t>
    </rPh>
    <phoneticPr fontId="6"/>
  </si>
  <si>
    <t>特別地域加算</t>
    <rPh sb="0" eb="2">
      <t>トクベツ</t>
    </rPh>
    <rPh sb="2" eb="4">
      <t>チイキ</t>
    </rPh>
    <rPh sb="4" eb="6">
      <t>カサン</t>
    </rPh>
    <phoneticPr fontId="6"/>
  </si>
  <si>
    <t>従業者の勤務の体制及び勤務形態一覧表　（　　　　年　　　月分）</t>
    <phoneticPr fontId="6"/>
  </si>
  <si>
    <t>サービス種類（　　　　　　　　　　　　　　　　　　　　　）</t>
    <phoneticPr fontId="6"/>
  </si>
  <si>
    <t>事業所・施設名（　　　　　　　　　　　　　　　　　　　　）</t>
    <phoneticPr fontId="6"/>
  </si>
  <si>
    <t>「人員配置区分―　　型」又は「該当する体制等―　　　　　」</t>
    <phoneticPr fontId="6"/>
  </si>
  <si>
    <t>［入所（利用）定員（見込）数等　　　　　名］</t>
    <phoneticPr fontId="6"/>
  </si>
  <si>
    <t>職　種</t>
    <phoneticPr fontId="6"/>
  </si>
  <si>
    <t>勤務　　　　　　　　　　形態</t>
    <phoneticPr fontId="6"/>
  </si>
  <si>
    <t>氏　名</t>
    <phoneticPr fontId="6"/>
  </si>
  <si>
    <t>4週の　　　　　　　　　　合計</t>
    <phoneticPr fontId="6"/>
  </si>
  <si>
    <t>週平均　　　　　　　　　の勤務　　　　　　　　　　　　　時間</t>
    <phoneticPr fontId="6"/>
  </si>
  <si>
    <t>（記載例―1）</t>
    <phoneticPr fontId="6"/>
  </si>
  <si>
    <t>（記載例―2）</t>
    <phoneticPr fontId="6"/>
  </si>
  <si>
    <t>　（　　　　：　　　　)</t>
    <phoneticPr fontId="6"/>
  </si>
  <si>
    <t>備考1　＊欄には、当該月の曜日を記入してください。</t>
    <phoneticPr fontId="6"/>
  </si>
  <si>
    <t>　　2　「人員配置区分」又は「該当する体制等」欄には、別紙「介護給付費算定に係る体制等状況一覧表」に掲げる人員配置区分の類型又は該当する</t>
    <phoneticPr fontId="6"/>
  </si>
  <si>
    <t>　　　体制加算の内容をそのまま記載してください。</t>
    <phoneticPr fontId="6"/>
  </si>
  <si>
    <t>　　3　届出を行う従業者について、4週間分の勤務すべき時間数を記入してください。勤務時間ごとあるいはサービス提供時間単位ごとに区分して</t>
    <phoneticPr fontId="6"/>
  </si>
  <si>
    <t>　　　番号を付し、その番号を記入してください。</t>
    <phoneticPr fontId="6"/>
  </si>
  <si>
    <t>　　　　（記載例1―勤務時間 ①8：30～17：00、②16：30～1：00、③0：30～9：00、④休日）</t>
    <phoneticPr fontId="6"/>
  </si>
  <si>
    <t>　　　　（記載例2―サービス提供時間 a 9：00～12：00、b 13：00～16：00、c 10：30～13：30、d 14：30～17：30、e 休日）</t>
    <phoneticPr fontId="6"/>
  </si>
  <si>
    <t>　　　　　※複数単位実施の場合、その全てを記入のこと。</t>
    <phoneticPr fontId="6"/>
  </si>
  <si>
    <t>　　4　届出する従業者の職種ごとに下記の勤務形態の区分の順にまとめて記載し、「週平均の勤務時間」については、職種ごとのAの小計と、</t>
    <phoneticPr fontId="6"/>
  </si>
  <si>
    <t>　　　Ｂ～Ｄまでを加えた数の小計の行を挿入してください。</t>
    <phoneticPr fontId="6"/>
  </si>
  <si>
    <t>　　　　　勤務形態の区分　Ａ：常勤で専従　Ｂ：常勤で兼務　Ｃ：常勤以外で専従　Ｄ：常勤以外で兼務</t>
    <phoneticPr fontId="6"/>
  </si>
  <si>
    <t>　　5　常勤換算が必要なものについては、Ａ～Ｄの「週平均の勤務時間」をすべて足し、常勤の従業者が週に勤務すべき時間数で割って、</t>
    <phoneticPr fontId="6"/>
  </si>
  <si>
    <t>　　　「常勤換算後の人数」を算出してください。</t>
    <phoneticPr fontId="6"/>
  </si>
  <si>
    <t>　　　勤務形態、氏名、当該業務の勤務時間及び看護職員と介護職員の配置状況(関係する場合)が確認できる場合はその書類をもって添付書類として</t>
    <phoneticPr fontId="6"/>
  </si>
  <si>
    <t>　　　差し支えありません。</t>
    <phoneticPr fontId="6"/>
  </si>
  <si>
    <t>生活機能向上連携加算</t>
    <rPh sb="0" eb="2">
      <t>セイカツ</t>
    </rPh>
    <rPh sb="2" eb="4">
      <t>キノウ</t>
    </rPh>
    <rPh sb="4" eb="6">
      <t>コウジョウ</t>
    </rPh>
    <rPh sb="6" eb="8">
      <t>レンケイ</t>
    </rPh>
    <rPh sb="8" eb="10">
      <t>カサン</t>
    </rPh>
    <phoneticPr fontId="6"/>
  </si>
  <si>
    <t>生活相談員配置等加算</t>
    <rPh sb="7" eb="8">
      <t>トウ</t>
    </rPh>
    <phoneticPr fontId="6"/>
  </si>
  <si>
    <t>共生型サービスの提供
（居宅介護事業所）</t>
    <rPh sb="0" eb="3">
      <t>キョウセイガタ</t>
    </rPh>
    <rPh sb="8" eb="10">
      <t>テイキョウ</t>
    </rPh>
    <rPh sb="16" eb="19">
      <t>ジギョウショ</t>
    </rPh>
    <phoneticPr fontId="6"/>
  </si>
  <si>
    <t>共生型サービスの提供
（重度訪問介護事業所）</t>
    <rPh sb="0" eb="3">
      <t>キョウセイガタ</t>
    </rPh>
    <rPh sb="8" eb="10">
      <t>テイキョウ</t>
    </rPh>
    <rPh sb="18" eb="21">
      <t>ジギョウショ</t>
    </rPh>
    <phoneticPr fontId="6"/>
  </si>
  <si>
    <t>共生型サービスの提供
（生活介護事業所）</t>
    <rPh sb="0" eb="3">
      <t>キョウセイガタ</t>
    </rPh>
    <rPh sb="8" eb="10">
      <t>テイキョウ</t>
    </rPh>
    <rPh sb="16" eb="18">
      <t>ジギョウ</t>
    </rPh>
    <rPh sb="18" eb="19">
      <t>ショ</t>
    </rPh>
    <phoneticPr fontId="6"/>
  </si>
  <si>
    <t>共生型サービスの提供
（自立訓練事業所）</t>
    <rPh sb="0" eb="3">
      <t>キョウセイガタ</t>
    </rPh>
    <rPh sb="8" eb="10">
      <t>テイキョウ</t>
    </rPh>
    <rPh sb="16" eb="19">
      <t>ジギョウショ</t>
    </rPh>
    <phoneticPr fontId="6"/>
  </si>
  <si>
    <t>共生型サービスの提供
（児童発達支援事業所）</t>
    <rPh sb="0" eb="3">
      <t>キョウセイガタ</t>
    </rPh>
    <rPh sb="8" eb="10">
      <t>テイキョウ</t>
    </rPh>
    <rPh sb="18" eb="20">
      <t>ジギョウ</t>
    </rPh>
    <rPh sb="20" eb="21">
      <t>ショ</t>
    </rPh>
    <phoneticPr fontId="6"/>
  </si>
  <si>
    <t>共生型サービスの提供
（放課後等デイサービス事業所）</t>
    <rPh sb="0" eb="3">
      <t>キョウセイガタ</t>
    </rPh>
    <rPh sb="8" eb="10">
      <t>テイキョウ</t>
    </rPh>
    <rPh sb="22" eb="25">
      <t>ジギョウショ</t>
    </rPh>
    <phoneticPr fontId="6"/>
  </si>
  <si>
    <t>中重度者ケア体制加算</t>
  </si>
  <si>
    <t>　　　　　　「医師の配置」…医師、「精神科医師定期的療養指導」…精神科医師、「夜間勤務条件基準」…夜勤を行う看護師（准看護師）と介護職員の配置状況　等</t>
  </si>
  <si>
    <t>　　　　（２）　ア　医師（病院において従事する者を除く。）、理学療法士、作業療法士、介護支援専門員（病院において従事するものを除く。）、介護従事者の欠員…「その他該当する体制等」欄の欠員該当職種のみ選択する。</t>
  </si>
  <si>
    <t xml:space="preserve">              　　　　（人員配置区分欄の変更は行わない。）</t>
  </si>
  <si>
    <t>　　　　　　　　　　ただし、事業所・施設が以下の地域に所在する場合は、「その他該当する体制等」欄のみ選択する。（人員配置区分欄の変更は行わない。）</t>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ウ　介護支援専門員（病院において従事する者に限る。）の欠員…「その他該当する体制等」欄の介護支援専門員を選択する。</t>
  </si>
  <si>
    <t>そ　 　　の　 　　他　　 　該　　 　当　　 　す 　　　る 　　　体 　　　制 　　　等</t>
    <phoneticPr fontId="6"/>
  </si>
  <si>
    <t>事業所評価加算〔申出〕の有無</t>
    <phoneticPr fontId="6"/>
  </si>
  <si>
    <t>備考　１　この表は、事業所所在地以外の場所で一部事業を実施する出張所等がある場合について記載することとし、複数出張所等を有する場合は出張所ごとに提出してください。</t>
    <phoneticPr fontId="6"/>
  </si>
  <si>
    <r>
      <t>介 護 給 付 費 算 定 に 係 る 体 制 等 状 況 一 覧 表</t>
    </r>
    <r>
      <rPr>
        <sz val="14"/>
        <rFont val="HGSｺﾞｼｯｸM"/>
        <family val="3"/>
        <charset val="128"/>
      </rPr>
      <t>（主たる事業所の所在地以外の場所で一部実施する場合の出張所等の状況）</t>
    </r>
    <phoneticPr fontId="6"/>
  </si>
  <si>
    <t>（別紙１－２）</t>
    <phoneticPr fontId="6"/>
  </si>
  <si>
    <t>ADL維持等加算〔申出〕の有無</t>
    <phoneticPr fontId="6"/>
  </si>
  <si>
    <t>　　　　　　　　（（１）が優先する。）</t>
  </si>
  <si>
    <t>科学的介護推進体制加算</t>
    <rPh sb="0" eb="3">
      <t>カガクテキ</t>
    </rPh>
    <rPh sb="3" eb="5">
      <t>カイゴ</t>
    </rPh>
    <rPh sb="5" eb="7">
      <t>スイシン</t>
    </rPh>
    <rPh sb="7" eb="9">
      <t>タイセイ</t>
    </rPh>
    <rPh sb="9" eb="11">
      <t>カサン</t>
    </rPh>
    <phoneticPr fontId="6"/>
  </si>
  <si>
    <t>個別機能訓練加算</t>
    <phoneticPr fontId="6"/>
  </si>
  <si>
    <t>口腔機能向上加算</t>
    <rPh sb="6" eb="8">
      <t>カサン</t>
    </rPh>
    <phoneticPr fontId="6"/>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6"/>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6"/>
  </si>
  <si>
    <t>訪問リハビリテーション</t>
    <phoneticPr fontId="6"/>
  </si>
  <si>
    <t>（再掲）
夜勤職員</t>
    <rPh sb="1" eb="3">
      <t>サイケイ</t>
    </rPh>
    <rPh sb="5" eb="7">
      <t>ヤキン</t>
    </rPh>
    <rPh sb="7" eb="9">
      <t>ショクイン</t>
    </rPh>
    <phoneticPr fontId="6"/>
  </si>
  <si>
    <t>１日の夜勤の合計時間</t>
    <rPh sb="1" eb="2">
      <t>ニチ</t>
    </rPh>
    <rPh sb="3" eb="5">
      <t>ヤキン</t>
    </rPh>
    <rPh sb="6" eb="8">
      <t>ゴウケイ</t>
    </rPh>
    <rPh sb="8" eb="10">
      <t>ジカン</t>
    </rPh>
    <phoneticPr fontId="6"/>
  </si>
  <si>
    <t>常勤換算後の人数
（16h換算）</t>
    <rPh sb="0" eb="2">
      <t>ジョウキン</t>
    </rPh>
    <rPh sb="2" eb="4">
      <t>カンザン</t>
    </rPh>
    <rPh sb="4" eb="5">
      <t>ウシ</t>
    </rPh>
    <rPh sb="6" eb="8">
      <t>ニンズウ</t>
    </rPh>
    <rPh sb="13" eb="15">
      <t>カンザン</t>
    </rPh>
    <phoneticPr fontId="6"/>
  </si>
  <si>
    <t>入浴介助加算</t>
    <phoneticPr fontId="6"/>
  </si>
  <si>
    <t>ADL維持等加算Ⅲ</t>
    <phoneticPr fontId="6"/>
  </si>
  <si>
    <t>移行支援加算</t>
    <rPh sb="0" eb="2">
      <t>イコウ</t>
    </rPh>
    <rPh sb="2" eb="4">
      <t>シエン</t>
    </rPh>
    <rPh sb="4" eb="6">
      <t>カサン</t>
    </rPh>
    <phoneticPr fontId="7"/>
  </si>
  <si>
    <t>栄養アセスメント・栄養改善体制</t>
    <phoneticPr fontId="6"/>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6"/>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6"/>
  </si>
  <si>
    <t>　　　また、別添の「テクノロジーを導入する場合の夜間の人員配置基準（従来型）に係る届出書」を添付してください。</t>
    <rPh sb="6" eb="8">
      <t>ベッテン</t>
    </rPh>
    <rPh sb="17" eb="19">
      <t>ドウニュウ</t>
    </rPh>
    <rPh sb="21" eb="23">
      <t>バアイ</t>
    </rPh>
    <rPh sb="24" eb="26">
      <t>ヤカン</t>
    </rPh>
    <rPh sb="27" eb="29">
      <t>ジンイン</t>
    </rPh>
    <rPh sb="29" eb="31">
      <t>ハイチ</t>
    </rPh>
    <rPh sb="31" eb="33">
      <t>キジュン</t>
    </rPh>
    <rPh sb="34" eb="37">
      <t>ジュウライガタ</t>
    </rPh>
    <rPh sb="39" eb="40">
      <t>カカ</t>
    </rPh>
    <rPh sb="41" eb="42">
      <t>トド</t>
    </rPh>
    <rPh sb="42" eb="43">
      <t>ダ</t>
    </rPh>
    <rPh sb="43" eb="44">
      <t>カ</t>
    </rPh>
    <rPh sb="46" eb="48">
      <t>テンプ</t>
    </rPh>
    <phoneticPr fontId="6"/>
  </si>
  <si>
    <t>　　7　算出にあたっては、小数点以下第2位を切り捨ててください。</t>
    <phoneticPr fontId="6"/>
  </si>
  <si>
    <t>　　8　当該事業所・施設に係る組織体制図を添付してください。</t>
    <phoneticPr fontId="6"/>
  </si>
  <si>
    <t>　　9　各事業所・施設において使用している勤務割表等（変更の届出の場合は変更後の予定勤務割表等）により、届出の対象となる従業者の職種、</t>
    <phoneticPr fontId="6"/>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6"/>
  </si>
  <si>
    <t>１　１級地</t>
  </si>
  <si>
    <t>６　２級地</t>
  </si>
  <si>
    <t>７　３級地</t>
  </si>
  <si>
    <t>２　４級地</t>
  </si>
  <si>
    <t>３　５級地</t>
  </si>
  <si>
    <t>４　６級地</t>
  </si>
  <si>
    <t>９　７級地</t>
  </si>
  <si>
    <t>５　その他</t>
  </si>
  <si>
    <t>２　定期巡回の指定を受けている</t>
  </si>
  <si>
    <t>３　定期巡回の整備計画がある</t>
  </si>
  <si>
    <t>１　定期巡回の指定を受けていない</t>
  </si>
  <si>
    <t>１ なし</t>
    <phoneticPr fontId="6"/>
  </si>
  <si>
    <t>２ 加算Ⅰ</t>
    <phoneticPr fontId="6"/>
  </si>
  <si>
    <t>３ 加算Ⅱ</t>
    <phoneticPr fontId="6"/>
  </si>
  <si>
    <t>１　非該当</t>
    <phoneticPr fontId="6"/>
  </si>
  <si>
    <t>２　該当</t>
  </si>
  <si>
    <t>２　生活援助</t>
  </si>
  <si>
    <t>３　通院等乗降介助</t>
  </si>
  <si>
    <t>１　身体介護</t>
  </si>
  <si>
    <t>１ 対応不可</t>
    <rPh sb="2" eb="4">
      <t>タイオウ</t>
    </rPh>
    <rPh sb="4" eb="6">
      <t>フカ</t>
    </rPh>
    <phoneticPr fontId="6"/>
  </si>
  <si>
    <t>２ 対応可</t>
    <phoneticPr fontId="6"/>
  </si>
  <si>
    <t>２ あり</t>
    <phoneticPr fontId="6"/>
  </si>
  <si>
    <t>３ 加算Ⅰ</t>
    <phoneticPr fontId="6"/>
  </si>
  <si>
    <t>２ 加算Ⅱ</t>
    <phoneticPr fontId="6"/>
  </si>
  <si>
    <t>２　病院又は診療所</t>
  </si>
  <si>
    <t>１　訪問看護ステーション</t>
  </si>
  <si>
    <t>３ 加算Ａイ</t>
    <phoneticPr fontId="6"/>
  </si>
  <si>
    <t>６ 加算Ａロ</t>
    <phoneticPr fontId="6"/>
  </si>
  <si>
    <t>４ 加算Ｂイ</t>
    <phoneticPr fontId="6"/>
  </si>
  <si>
    <t>７ 加算Ｂロ</t>
    <phoneticPr fontId="6"/>
  </si>
  <si>
    <t>２　介護老人保健施設</t>
  </si>
  <si>
    <t>３　介護医療院</t>
  </si>
  <si>
    <t>２ 看護職員</t>
    <rPh sb="2" eb="4">
      <t>カンゴ</t>
    </rPh>
    <rPh sb="4" eb="6">
      <t>ショクイン</t>
    </rPh>
    <phoneticPr fontId="6"/>
  </si>
  <si>
    <t>３ 介護職員</t>
    <rPh sb="2" eb="4">
      <t>カイゴ</t>
    </rPh>
    <rPh sb="4" eb="6">
      <t>ショクイン</t>
    </rPh>
    <phoneticPr fontId="6"/>
  </si>
  <si>
    <t>２ 加算Ⅰイ</t>
    <phoneticPr fontId="6"/>
  </si>
  <si>
    <t>３ 加算Ⅰロ</t>
    <phoneticPr fontId="6"/>
  </si>
  <si>
    <t>４　通常規模型事業所</t>
  </si>
  <si>
    <t>６　大規模型事業所（Ⅰ）</t>
  </si>
  <si>
    <t>７　大規模型事業所（Ⅱ）</t>
  </si>
  <si>
    <t>□</t>
  </si>
  <si>
    <t>３　定期巡回・随時対応型サービス連携</t>
  </si>
  <si>
    <t>１　病院又は診療所</t>
  </si>
  <si>
    <t>介護予防訪問</t>
  </si>
  <si>
    <t>リハビリテーション</t>
  </si>
  <si>
    <t>分子</t>
    <rPh sb="0" eb="2">
      <t>ブンシ</t>
    </rPh>
    <phoneticPr fontId="38"/>
  </si>
  <si>
    <t>分母</t>
    <rPh sb="0" eb="2">
      <t>ブンボ</t>
    </rPh>
    <phoneticPr fontId="38"/>
  </si>
  <si>
    <t>割合を計算する職員</t>
    <rPh sb="0" eb="2">
      <t>ワリアイ</t>
    </rPh>
    <rPh sb="3" eb="5">
      <t>ケイサン</t>
    </rPh>
    <rPh sb="7" eb="9">
      <t>ショクイン</t>
    </rPh>
    <phoneticPr fontId="38"/>
  </si>
  <si>
    <t>介護福祉士</t>
    <rPh sb="0" eb="2">
      <t>カイゴ</t>
    </rPh>
    <rPh sb="2" eb="5">
      <t>フクシシ</t>
    </rPh>
    <phoneticPr fontId="38"/>
  </si>
  <si>
    <t>介護職員</t>
    <rPh sb="0" eb="2">
      <t>カイゴ</t>
    </rPh>
    <rPh sb="2" eb="4">
      <t>ショクイン</t>
    </rPh>
    <phoneticPr fontId="38"/>
  </si>
  <si>
    <t>勤続年数10年以上の介護福祉士</t>
    <rPh sb="0" eb="2">
      <t>キンゾク</t>
    </rPh>
    <rPh sb="2" eb="3">
      <t>ネン</t>
    </rPh>
    <rPh sb="3" eb="4">
      <t>スウ</t>
    </rPh>
    <rPh sb="6" eb="7">
      <t>ネン</t>
    </rPh>
    <rPh sb="7" eb="9">
      <t>イジョウ</t>
    </rPh>
    <rPh sb="10" eb="12">
      <t>カイゴ</t>
    </rPh>
    <rPh sb="12" eb="15">
      <t>フクシシ</t>
    </rPh>
    <phoneticPr fontId="38"/>
  </si>
  <si>
    <t>介護サービスを直接提供する職員</t>
    <rPh sb="0" eb="2">
      <t>カイゴ</t>
    </rPh>
    <rPh sb="7" eb="9">
      <t>チョクセツ</t>
    </rPh>
    <rPh sb="9" eb="11">
      <t>テイキョウ</t>
    </rPh>
    <rPh sb="13" eb="15">
      <t>ショクイン</t>
    </rPh>
    <phoneticPr fontId="38"/>
  </si>
  <si>
    <t>勤続年数７年以上の職員</t>
    <rPh sb="0" eb="2">
      <t>キンゾク</t>
    </rPh>
    <rPh sb="2" eb="4">
      <t>ネンスウ</t>
    </rPh>
    <rPh sb="5" eb="6">
      <t>ネン</t>
    </rPh>
    <rPh sb="6" eb="8">
      <t>イジョウ</t>
    </rPh>
    <rPh sb="9" eb="11">
      <t>ショクイン</t>
    </rPh>
    <phoneticPr fontId="38"/>
  </si>
  <si>
    <t>-</t>
    <phoneticPr fontId="38"/>
  </si>
  <si>
    <t>令和</t>
    <rPh sb="0" eb="2">
      <t>レイワ</t>
    </rPh>
    <phoneticPr fontId="38"/>
  </si>
  <si>
    <t>年</t>
    <rPh sb="0" eb="1">
      <t>ネン</t>
    </rPh>
    <phoneticPr fontId="38"/>
  </si>
  <si>
    <t>月</t>
    <rPh sb="0" eb="1">
      <t>ゲツ</t>
    </rPh>
    <phoneticPr fontId="38"/>
  </si>
  <si>
    <t>日</t>
    <rPh sb="0" eb="1">
      <t>ニチ</t>
    </rPh>
    <phoneticPr fontId="38"/>
  </si>
  <si>
    <t>有資格者等の割合の参考計算書</t>
    <rPh sb="0" eb="4">
      <t>ユウシカクシャ</t>
    </rPh>
    <rPh sb="4" eb="5">
      <t>トウ</t>
    </rPh>
    <rPh sb="6" eb="8">
      <t>ワリアイ</t>
    </rPh>
    <rPh sb="9" eb="11">
      <t>サンコウ</t>
    </rPh>
    <rPh sb="11" eb="14">
      <t>ケイサンショ</t>
    </rPh>
    <phoneticPr fontId="38"/>
  </si>
  <si>
    <t>事業所名</t>
    <rPh sb="0" eb="3">
      <t>ジギョウショ</t>
    </rPh>
    <rPh sb="3" eb="4">
      <t>メイ</t>
    </rPh>
    <phoneticPr fontId="38"/>
  </si>
  <si>
    <t>事業所番号</t>
    <rPh sb="0" eb="3">
      <t>ジギョウショ</t>
    </rPh>
    <rPh sb="3" eb="5">
      <t>バンゴウ</t>
    </rPh>
    <phoneticPr fontId="38"/>
  </si>
  <si>
    <t>サービス種類</t>
    <rPh sb="4" eb="6">
      <t>シュルイ</t>
    </rPh>
    <phoneticPr fontId="38"/>
  </si>
  <si>
    <t>１．割合を計算する職員</t>
    <rPh sb="2" eb="4">
      <t>ワリアイ</t>
    </rPh>
    <rPh sb="5" eb="7">
      <t>ケイサン</t>
    </rPh>
    <rPh sb="9" eb="11">
      <t>ショクイン</t>
    </rPh>
    <phoneticPr fontId="38"/>
  </si>
  <si>
    <t>２．有資格者等の割合の算定期間</t>
    <rPh sb="2" eb="6">
      <t>ユウシカクシャ</t>
    </rPh>
    <rPh sb="6" eb="7">
      <t>トウ</t>
    </rPh>
    <rPh sb="8" eb="10">
      <t>ワリアイ</t>
    </rPh>
    <rPh sb="11" eb="13">
      <t>サンテイ</t>
    </rPh>
    <rPh sb="13" eb="15">
      <t>キカン</t>
    </rPh>
    <phoneticPr fontId="38"/>
  </si>
  <si>
    <t>前年度（３月を除く）</t>
  </si>
  <si>
    <t>実績月数　</t>
    <rPh sb="0" eb="2">
      <t>ジッセキ</t>
    </rPh>
    <rPh sb="2" eb="4">
      <t>ツキスウ</t>
    </rPh>
    <phoneticPr fontId="38"/>
  </si>
  <si>
    <t>３．常勤換算方法による計算</t>
    <rPh sb="2" eb="4">
      <t>ジョウキン</t>
    </rPh>
    <rPh sb="4" eb="6">
      <t>カンサン</t>
    </rPh>
    <rPh sb="6" eb="8">
      <t>ホウホウ</t>
    </rPh>
    <rPh sb="11" eb="13">
      <t>ケイサン</t>
    </rPh>
    <phoneticPr fontId="38"/>
  </si>
  <si>
    <t>前年度（３月を除く）</t>
    <rPh sb="0" eb="3">
      <t>ゼンネンド</t>
    </rPh>
    <rPh sb="5" eb="6">
      <t>ガツ</t>
    </rPh>
    <rPh sb="7" eb="8">
      <t>ノゾ</t>
    </rPh>
    <phoneticPr fontId="38"/>
  </si>
  <si>
    <t>常勤換算人数</t>
    <rPh sb="0" eb="2">
      <t>ジョウキン</t>
    </rPh>
    <rPh sb="2" eb="4">
      <t>カンサン</t>
    </rPh>
    <rPh sb="4" eb="6">
      <t>ニンズウ</t>
    </rPh>
    <phoneticPr fontId="38"/>
  </si>
  <si>
    <t>①常勤職員の
一月あたりの
勤務時間</t>
    <rPh sb="1" eb="3">
      <t>ジョウキン</t>
    </rPh>
    <rPh sb="3" eb="5">
      <t>ショクイン</t>
    </rPh>
    <rPh sb="7" eb="8">
      <t>ヒト</t>
    </rPh>
    <rPh sb="8" eb="9">
      <t>ツキ</t>
    </rPh>
    <rPh sb="14" eb="16">
      <t>キンム</t>
    </rPh>
    <rPh sb="16" eb="18">
      <t>ジカン</t>
    </rPh>
    <phoneticPr fontId="38"/>
  </si>
  <si>
    <r>
      <t xml:space="preserve">②常勤換算方法の
</t>
    </r>
    <r>
      <rPr>
        <u/>
        <sz val="11"/>
        <color rgb="FFFF0000"/>
        <rFont val="ＭＳ Ｐゴシック"/>
        <family val="3"/>
        <charset val="128"/>
        <scheme val="minor"/>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38"/>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38"/>
  </si>
  <si>
    <t>④非常勤の職員の
勤務延時間数</t>
    <rPh sb="1" eb="4">
      <t>ヒジョウキン</t>
    </rPh>
    <rPh sb="5" eb="7">
      <t>ショクイン</t>
    </rPh>
    <rPh sb="9" eb="11">
      <t>キンム</t>
    </rPh>
    <rPh sb="11" eb="12">
      <t>ノ</t>
    </rPh>
    <rPh sb="12" eb="15">
      <t>ジカンスウ</t>
    </rPh>
    <phoneticPr fontId="38"/>
  </si>
  <si>
    <t>時間</t>
    <rPh sb="0" eb="2">
      <t>ジカン</t>
    </rPh>
    <phoneticPr fontId="38"/>
  </si>
  <si>
    <t>人</t>
    <rPh sb="0" eb="1">
      <t>ニン</t>
    </rPh>
    <phoneticPr fontId="38"/>
  </si>
  <si>
    <t>4月</t>
    <rPh sb="1" eb="2">
      <t>ガツ</t>
    </rPh>
    <phoneticPr fontId="38"/>
  </si>
  <si>
    <t>5月</t>
  </si>
  <si>
    <t>6月</t>
  </si>
  <si>
    <t>7月</t>
  </si>
  <si>
    <t>8月</t>
  </si>
  <si>
    <t>9月</t>
  </si>
  <si>
    <t>10月</t>
  </si>
  <si>
    <t>11月</t>
  </si>
  <si>
    <t>12月</t>
  </si>
  <si>
    <t>1月</t>
  </si>
  <si>
    <t>2月</t>
  </si>
  <si>
    <t>合計</t>
    <rPh sb="0" eb="2">
      <t>ゴウケイ</t>
    </rPh>
    <phoneticPr fontId="38"/>
  </si>
  <si>
    <t>一月あたりの平均値</t>
    <rPh sb="0" eb="1">
      <t>ヒト</t>
    </rPh>
    <rPh sb="1" eb="2">
      <t>ツキ</t>
    </rPh>
    <rPh sb="6" eb="8">
      <t>ヘイキン</t>
    </rPh>
    <rPh sb="8" eb="9">
      <t>アタイ</t>
    </rPh>
    <phoneticPr fontId="38"/>
  </si>
  <si>
    <t>の割合</t>
    <rPh sb="1" eb="3">
      <t>ワリアイ</t>
    </rPh>
    <phoneticPr fontId="38"/>
  </si>
  <si>
    <t>届出日の属する月の前３月</t>
    <rPh sb="0" eb="2">
      <t>トドケデ</t>
    </rPh>
    <rPh sb="2" eb="3">
      <t>ヒ</t>
    </rPh>
    <rPh sb="4" eb="5">
      <t>ゾク</t>
    </rPh>
    <rPh sb="7" eb="8">
      <t>ツキ</t>
    </rPh>
    <rPh sb="9" eb="10">
      <t>マエ</t>
    </rPh>
    <rPh sb="11" eb="12">
      <t>ガツ</t>
    </rPh>
    <phoneticPr fontId="38"/>
  </si>
  <si>
    <t>備考</t>
    <rPh sb="0" eb="2">
      <t>ビコウ</t>
    </rPh>
    <phoneticPr fontId="38"/>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38"/>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38"/>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38"/>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38"/>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38"/>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38"/>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38"/>
  </si>
  <si>
    <t>　実績月数を記入してください。</t>
    <rPh sb="1" eb="3">
      <t>ジッセキ</t>
    </rPh>
    <rPh sb="3" eb="5">
      <t>ツキスウ</t>
    </rPh>
    <rPh sb="6" eb="8">
      <t>キニュウ</t>
    </rPh>
    <phoneticPr fontId="38"/>
  </si>
  <si>
    <t>・「３．常勤換算方法による計算」</t>
    <rPh sb="4" eb="6">
      <t>ジョウキン</t>
    </rPh>
    <rPh sb="6" eb="8">
      <t>カンサン</t>
    </rPh>
    <rPh sb="8" eb="10">
      <t>ホウホウ</t>
    </rPh>
    <rPh sb="13" eb="15">
      <t>ケイサン</t>
    </rPh>
    <phoneticPr fontId="38"/>
  </si>
  <si>
    <t>　　常勤換算方法とは、非常勤の従業者について「事業所の従業者の勤務延時間数を当該事業所において常勤の従業者が勤務すべき時間数で</t>
    <phoneticPr fontId="38"/>
  </si>
  <si>
    <t>　除することにより、常勤の従業者の員数に換算する方法」であるため、常勤の従業者については常勤換算方法によらず、実人数で計算します。</t>
    <phoneticPr fontId="38"/>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38"/>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38"/>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38"/>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38"/>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38"/>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38"/>
  </si>
  <si>
    <t>　※「常勤・非常勤」の区分について</t>
    <rPh sb="3" eb="5">
      <t>ジョウキン</t>
    </rPh>
    <rPh sb="6" eb="9">
      <t>ヒジョウキン</t>
    </rPh>
    <rPh sb="11" eb="13">
      <t>クブン</t>
    </rPh>
    <phoneticPr fontId="38"/>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38"/>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38"/>
  </si>
  <si>
    <t>　　非正規雇用であっても、週40時間勤務する従業者は常勤扱いとなります。</t>
    <phoneticPr fontId="38"/>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38"/>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38"/>
  </si>
  <si>
    <t>　　この場合、「②常勤換算方法の対象外である常勤の職員数」の欄に１（人）として記入してください。</t>
    <rPh sb="4" eb="6">
      <t>バアイ</t>
    </rPh>
    <rPh sb="30" eb="31">
      <t>ラン</t>
    </rPh>
    <rPh sb="34" eb="35">
      <t>ニン</t>
    </rPh>
    <rPh sb="39" eb="41">
      <t>キニュウ</t>
    </rPh>
    <phoneticPr fontId="38"/>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38"/>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38"/>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6"/>
  </si>
  <si>
    <t>　　　13「その他該当する体制等」欄で人員配置に係る加算（減算）の届出については、それぞれ加算（減算）の要件となる職員の配置状況や勤務体制がわかる書類を添付してください。</t>
    <phoneticPr fontId="6"/>
  </si>
  <si>
    <t>　　　14 「時間延長サービス体制」については、実際に利用者に対して延長サービスを行うことが可能な場合に記載してください。</t>
    <phoneticPr fontId="6"/>
  </si>
  <si>
    <t>　　　16 「入浴介助加算」については、浴室の平面図等を添付してください。</t>
    <rPh sb="11" eb="13">
      <t>カサン</t>
    </rPh>
    <rPh sb="26" eb="27">
      <t>トウ</t>
    </rPh>
    <phoneticPr fontId="6"/>
  </si>
  <si>
    <t>　　　20 「送迎体制」については、実際に利用者の送迎が可能な場合に記載してください。</t>
    <phoneticPr fontId="6"/>
  </si>
  <si>
    <t>　　　27「特定診療費項目」「リハビリテーション提供体制」については、これらに相当する診療報酬の算定のために届け出た届出書の写しを添付してください。</t>
    <phoneticPr fontId="6"/>
  </si>
  <si>
    <t>　　　28 「職員の欠員による減算の状況」については、以下の要領で記載してください。</t>
    <phoneticPr fontId="6"/>
  </si>
  <si>
    <t>令和３年</t>
    <rPh sb="0" eb="2">
      <t>レイワ</t>
    </rPh>
    <rPh sb="3" eb="4">
      <t>ネン</t>
    </rPh>
    <phoneticPr fontId="6"/>
  </si>
  <si>
    <t>令和４年</t>
    <rPh sb="0" eb="2">
      <t>レイワ</t>
    </rPh>
    <rPh sb="3" eb="4">
      <t>ネン</t>
    </rPh>
    <phoneticPr fontId="6"/>
  </si>
  <si>
    <t>（参考様式23）</t>
    <rPh sb="1" eb="3">
      <t>サンコウ</t>
    </rPh>
    <rPh sb="3" eb="5">
      <t>ヨウシキ</t>
    </rPh>
    <phoneticPr fontId="6"/>
  </si>
  <si>
    <r>
      <t>（参考様式23</t>
    </r>
    <r>
      <rPr>
        <sz val="11"/>
        <color theme="1"/>
        <rFont val="ＭＳ Ｐゴシック"/>
        <family val="2"/>
        <charset val="128"/>
        <scheme val="minor"/>
      </rPr>
      <t>-</t>
    </r>
    <r>
      <rPr>
        <sz val="11"/>
        <rFont val="ＭＳ Ｐゴシック"/>
        <family val="3"/>
        <charset val="128"/>
        <scheme val="minor"/>
      </rPr>
      <t>参考資料</t>
    </r>
    <r>
      <rPr>
        <sz val="11"/>
        <color theme="1"/>
        <rFont val="ＭＳ Ｐゴシック"/>
        <family val="2"/>
        <charset val="128"/>
        <scheme val="minor"/>
      </rPr>
      <t>）</t>
    </r>
    <rPh sb="1" eb="3">
      <t>サンコウ</t>
    </rPh>
    <rPh sb="3" eb="5">
      <t>ヨウシキ</t>
    </rPh>
    <rPh sb="8" eb="10">
      <t>サンコウ</t>
    </rPh>
    <rPh sb="10" eb="12">
      <t>シリョウ</t>
    </rPh>
    <phoneticPr fontId="38"/>
  </si>
  <si>
    <t>　　　２ 「施設等の区分」及び「その他該当する体制等」欄で施設・設備等に係る加算（減算）の届出については、「平面図」を添付してください。</t>
    <phoneticPr fontId="6"/>
  </si>
  <si>
    <t>　　　　（様式21-１）又は「介護老人保健施設（療養型）の基本施設サービス費及び療養体制維持特別加算（Ⅱ）に係る届出」（様式21-２）を添付してください。</t>
    <rPh sb="5" eb="7">
      <t>ヨウシキ</t>
    </rPh>
    <rPh sb="38" eb="39">
      <t>オヨ</t>
    </rPh>
    <rPh sb="40" eb="42">
      <t>リョウヨウ</t>
    </rPh>
    <rPh sb="42" eb="44">
      <t>タイセイ</t>
    </rPh>
    <rPh sb="44" eb="46">
      <t>イジ</t>
    </rPh>
    <rPh sb="46" eb="48">
      <t>トクベツ</t>
    </rPh>
    <rPh sb="48" eb="50">
      <t>カサン</t>
    </rPh>
    <rPh sb="60" eb="62">
      <t>ヨウシキ</t>
    </rPh>
    <phoneticPr fontId="6"/>
  </si>
  <si>
    <t>　　　　「介護療養型医療施設（療養機能強化型以外）の基本施設サービス費に係る届出」（様式22-２）を添付してください。</t>
    <rPh sb="42" eb="44">
      <t>ヨウシキ</t>
    </rPh>
    <phoneticPr fontId="6"/>
  </si>
  <si>
    <t>　　　６　訪問看護における定期巡回・随時対応型訪問介護看護事業所と連携しサービス提供を行う場合については、「訪問看護事業所における定期巡回・随時対応型訪問介護看護連携に係る届出書」（様式20）を添付してください。</t>
    <rPh sb="33" eb="35">
      <t>レンケイ</t>
    </rPh>
    <rPh sb="40" eb="42">
      <t>テイキョウ</t>
    </rPh>
    <rPh sb="43" eb="44">
      <t>オコナ</t>
    </rPh>
    <rPh sb="45" eb="47">
      <t>バアイ</t>
    </rPh>
    <rPh sb="97" eb="99">
      <t>テンプ</t>
    </rPh>
    <phoneticPr fontId="6"/>
  </si>
  <si>
    <t>　　　５　介護医療院における「施設等の区分」に係る届出については、「Ⅰ型介護医療院の基本施設サービス費に係る届出」（様式26-１）又は「Ⅱ型介護医療院の基本施設サービス費に係る届出」（様式26-２）を添付してください。</t>
    <rPh sb="58" eb="60">
      <t>ヨウシキ</t>
    </rPh>
    <rPh sb="65" eb="66">
      <t>マタ</t>
    </rPh>
    <rPh sb="92" eb="94">
      <t>ヨウシキ</t>
    </rPh>
    <phoneticPr fontId="6"/>
  </si>
  <si>
    <t xml:space="preserve">　　　７　訪問介護における 「定期巡回・随時対応サービスに関する状況」を「定期巡回の指定を受けている」もしくは「定期巡回の整備計画がある」と記載する場合は、「定期巡回・随時対応サービスに関する状況等に係る届出書（訪問介護事業所）」
</t>
    <rPh sb="5" eb="7">
      <t>ホウモン</t>
    </rPh>
    <rPh sb="7" eb="9">
      <t>カイゴ</t>
    </rPh>
    <phoneticPr fontId="6"/>
  </si>
  <si>
    <t>　　　　（様式８）を添付して下さい。</t>
    <rPh sb="5" eb="7">
      <t>ヨウシキ</t>
    </rPh>
    <phoneticPr fontId="6"/>
  </si>
  <si>
    <t>　　　８　人員配置に係る届出については、勤務体制がわかる書類（「従業者の勤務の体制及び勤務形態一覧表」（参考様式23）又はこれに準じた勤務割表等）を添付してください。</t>
    <rPh sb="52" eb="54">
      <t>サンコウ</t>
    </rPh>
    <rPh sb="54" eb="56">
      <t>ヨウシキ</t>
    </rPh>
    <phoneticPr fontId="6"/>
  </si>
  <si>
    <t>　　　９ 「割引｣を｢あり｣と記載する場合は「指定居宅サービス事業所等による介護給付費の割引に係る割引率の設定について」（様式２）を添付してください。</t>
    <rPh sb="33" eb="34">
      <t>ショ</t>
    </rPh>
    <rPh sb="61" eb="63">
      <t>ヨウシキ</t>
    </rPh>
    <phoneticPr fontId="6"/>
  </si>
  <si>
    <t>　　　10 「認知症専門ケア加算」については、「認知症専門ケア加算に係る届出書」（様式15）を添付してください。</t>
    <rPh sb="7" eb="10">
      <t>ニンチショウ</t>
    </rPh>
    <rPh sb="10" eb="12">
      <t>センモン</t>
    </rPh>
    <rPh sb="14" eb="16">
      <t>カサン</t>
    </rPh>
    <rPh sb="24" eb="27">
      <t>ニンチショウ</t>
    </rPh>
    <rPh sb="27" eb="29">
      <t>センモン</t>
    </rPh>
    <rPh sb="31" eb="33">
      <t>カサン</t>
    </rPh>
    <rPh sb="41" eb="43">
      <t>ヨウシキ</t>
    </rPh>
    <phoneticPr fontId="6"/>
  </si>
  <si>
    <t>　　　11 「緊急時訪問看護加算」「特別管理体制」「ターミナルケア体制」については、「緊急時（介護予防）訪問看護加算・特別管理体制・ターミナルケア体制に係る届出書」（様式５-１）を添付してください。</t>
    <rPh sb="33" eb="35">
      <t>タイセイ</t>
    </rPh>
    <rPh sb="47" eb="49">
      <t>カイゴ</t>
    </rPh>
    <rPh sb="49" eb="51">
      <t>ヨボウ</t>
    </rPh>
    <rPh sb="73" eb="75">
      <t>タイセイ</t>
    </rPh>
    <rPh sb="76" eb="77">
      <t>カカ</t>
    </rPh>
    <rPh sb="78" eb="81">
      <t>トドケデショ</t>
    </rPh>
    <rPh sb="83" eb="85">
      <t>ヨウシキ</t>
    </rPh>
    <phoneticPr fontId="6"/>
  </si>
  <si>
    <t>　　　12 「看護体制強化加算」については、「看護体制強化加算に係る届出書」（様式５－２）を添付してください。</t>
    <rPh sb="39" eb="41">
      <t>ヨウシキ</t>
    </rPh>
    <phoneticPr fontId="6"/>
  </si>
  <si>
    <t>　　　　　　（例）－「機能訓練指導体制」…機能訓練指導員、「栄養マネジメント強化加算」…管理栄養士等、「リハビリテーションの加算状況」…リハビリテーション従事者、</t>
    <rPh sb="30" eb="32">
      <t>エイヨウ</t>
    </rPh>
    <rPh sb="38" eb="40">
      <t>キョウカ</t>
    </rPh>
    <rPh sb="40" eb="42">
      <t>カサン</t>
    </rPh>
    <rPh sb="44" eb="46">
      <t>カンリ</t>
    </rPh>
    <rPh sb="46" eb="49">
      <t>エイヨウシ</t>
    </rPh>
    <rPh sb="49" eb="50">
      <t>トウ</t>
    </rPh>
    <phoneticPr fontId="6"/>
  </si>
  <si>
    <t>　　　15 「生活相談員配置等加算」については、「生活相談員配置等加算に係る届出書」（様式36）を添付してください。</t>
    <rPh sb="43" eb="45">
      <t>ヨウシキ</t>
    </rPh>
    <phoneticPr fontId="6"/>
  </si>
  <si>
    <t>　　　17 「中重度者ケア体制加算」については、「中重度者ケア体制加算に係る届出書」（様式24又は25）及び「利用者の割合に関する計算書」（様式24-１又は25-１）を添付してください。</t>
    <rPh sb="7" eb="11">
      <t>チュウジュウドシャ</t>
    </rPh>
    <rPh sb="13" eb="15">
      <t>タイセイ</t>
    </rPh>
    <rPh sb="15" eb="17">
      <t>カサン</t>
    </rPh>
    <rPh sb="25" eb="29">
      <t>チュウジュウドシャ</t>
    </rPh>
    <rPh sb="31" eb="33">
      <t>タイセイ</t>
    </rPh>
    <rPh sb="33" eb="35">
      <t>カサン</t>
    </rPh>
    <rPh sb="43" eb="45">
      <t>ヨウシキ</t>
    </rPh>
    <rPh sb="47" eb="48">
      <t>マタ</t>
    </rPh>
    <rPh sb="52" eb="53">
      <t>オヨ</t>
    </rPh>
    <rPh sb="70" eb="72">
      <t>ヨウシキ</t>
    </rPh>
    <rPh sb="76" eb="77">
      <t>マタ</t>
    </rPh>
    <phoneticPr fontId="6"/>
  </si>
  <si>
    <t>　　　18 「認知症加算」については、「認知症加算に係る届出書」（様式19）及び「利用者の割合に関する計算書」（様式19ー２）を添付してください。</t>
    <rPh sb="7" eb="10">
      <t>ニンチショウ</t>
    </rPh>
    <rPh sb="20" eb="23">
      <t>ニンチショウ</t>
    </rPh>
    <rPh sb="33" eb="35">
      <t>ヨウシキ</t>
    </rPh>
    <rPh sb="38" eb="39">
      <t>オヨ</t>
    </rPh>
    <phoneticPr fontId="6"/>
  </si>
  <si>
    <t>　　　19 「栄養ケア・マネジメントの実施の有無」及び「栄養マネジメント強化体制」については、「栄養マネジメント体制に関する届出書」（様式11）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ヨウシキ</t>
    </rPh>
    <rPh sb="73" eb="75">
      <t>テンプ</t>
    </rPh>
    <phoneticPr fontId="6"/>
  </si>
  <si>
    <t>　　　21 「夜間看護体制」については、「夜間看護体制に係る届出書」（様式８）を添付してください。</t>
    <rPh sb="7" eb="9">
      <t>ヤカン</t>
    </rPh>
    <rPh sb="9" eb="11">
      <t>カンゴ</t>
    </rPh>
    <rPh sb="11" eb="13">
      <t>タイセイ</t>
    </rPh>
    <rPh sb="21" eb="23">
      <t>ヤカン</t>
    </rPh>
    <rPh sb="23" eb="25">
      <t>カンゴ</t>
    </rPh>
    <rPh sb="25" eb="27">
      <t>タイセイ</t>
    </rPh>
    <rPh sb="28" eb="29">
      <t>カカ</t>
    </rPh>
    <rPh sb="30" eb="33">
      <t>トドケデショ</t>
    </rPh>
    <rPh sb="35" eb="37">
      <t>ヨウシキ</t>
    </rPh>
    <rPh sb="40" eb="42">
      <t>テンプ</t>
    </rPh>
    <phoneticPr fontId="6"/>
  </si>
  <si>
    <t>　　　22 「看護体制加算（短期入所生活介護事業所）」については、「看護体制加算に係る届出書」（様式８－２）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ヨウシキ</t>
    </rPh>
    <rPh sb="55" eb="57">
      <t>テンプ</t>
    </rPh>
    <phoneticPr fontId="6"/>
  </si>
  <si>
    <r>
      <t>　　　23 「看護体制加算（介護老人福祉施設）」については、「看護体制加算に係る届出書」（様式８－３）を、「看取り介護体制（介護老人福祉施設）」については、</t>
    </r>
    <r>
      <rPr>
        <sz val="11"/>
        <color rgb="FFFF0000"/>
        <rFont val="HGSｺﾞｼｯｸM"/>
        <family val="3"/>
        <charset val="128"/>
      </rPr>
      <t/>
    </r>
    <rPh sb="7" eb="9">
      <t>カンゴ</t>
    </rPh>
    <rPh sb="9" eb="11">
      <t>タイセイ</t>
    </rPh>
    <rPh sb="11" eb="13">
      <t>カサン</t>
    </rPh>
    <rPh sb="14" eb="16">
      <t>カイゴ</t>
    </rPh>
    <rPh sb="16" eb="18">
      <t>ロウジン</t>
    </rPh>
    <rPh sb="18" eb="22">
      <t>フクシシセツ</t>
    </rPh>
    <rPh sb="31" eb="33">
      <t>カンゴ</t>
    </rPh>
    <rPh sb="33" eb="35">
      <t>タイセイ</t>
    </rPh>
    <rPh sb="35" eb="37">
      <t>カサン</t>
    </rPh>
    <rPh sb="38" eb="39">
      <t>カカ</t>
    </rPh>
    <rPh sb="40" eb="43">
      <t>トドケデショ</t>
    </rPh>
    <rPh sb="54" eb="56">
      <t>ミト</t>
    </rPh>
    <rPh sb="57" eb="59">
      <t>カイゴ</t>
    </rPh>
    <rPh sb="59" eb="61">
      <t>タイセイ</t>
    </rPh>
    <rPh sb="62" eb="64">
      <t>カイゴ</t>
    </rPh>
    <rPh sb="64" eb="66">
      <t>ロウジン</t>
    </rPh>
    <rPh sb="66" eb="70">
      <t>フクシシセツ</t>
    </rPh>
    <phoneticPr fontId="6"/>
  </si>
  <si>
    <t>　　　　　「看取り介護体制に係る届出書」（様式８－５）を、　「看取り介護加算（特定施設入居者生活介護）」については、「看取り介護体制に係る届出書」（様式８－４）を添付してください。</t>
    <rPh sb="21" eb="23">
      <t>ヨウシキ</t>
    </rPh>
    <rPh sb="39" eb="41">
      <t>トクテイ</t>
    </rPh>
    <rPh sb="41" eb="43">
      <t>シセツ</t>
    </rPh>
    <rPh sb="43" eb="46">
      <t>ニュウキョシャ</t>
    </rPh>
    <rPh sb="46" eb="48">
      <t>セイカツ</t>
    </rPh>
    <rPh sb="48" eb="50">
      <t>カイゴ</t>
    </rPh>
    <phoneticPr fontId="6"/>
  </si>
  <si>
    <t>　　　24 「医療連携強化加算」については、「医療連携強化加算に係る届出書」（様式37）を添付してください。</t>
    <rPh sb="7" eb="9">
      <t>イリョウ</t>
    </rPh>
    <rPh sb="9" eb="11">
      <t>レンケイ</t>
    </rPh>
    <rPh sb="11" eb="13">
      <t>キョウカ</t>
    </rPh>
    <rPh sb="23" eb="25">
      <t>イリョウ</t>
    </rPh>
    <rPh sb="25" eb="27">
      <t>レンケイ</t>
    </rPh>
    <rPh sb="27" eb="29">
      <t>キョウカ</t>
    </rPh>
    <rPh sb="29" eb="31">
      <t>カサン</t>
    </rPh>
    <rPh sb="39" eb="41">
      <t>ヨウシキ</t>
    </rPh>
    <phoneticPr fontId="6"/>
  </si>
  <si>
    <t>　　　25　訪問介護における「特定事業所加算」については、「加算（Ⅰ）～（Ⅳ）」は「特定事業所加算（Ⅰ）～（Ⅳ）に係る届出書（様式３-１）」を、「加算（Ⅴ）」は「特定事業所加算（Ⅴ）に係る届出書」（様式３-２）を添付してください。</t>
    <rPh sb="6" eb="8">
      <t>ホウモン</t>
    </rPh>
    <rPh sb="8" eb="10">
      <t>カイゴ</t>
    </rPh>
    <rPh sb="15" eb="17">
      <t>トクテイ</t>
    </rPh>
    <rPh sb="17" eb="20">
      <t>ジギョウショ</t>
    </rPh>
    <rPh sb="20" eb="22">
      <t>カサン</t>
    </rPh>
    <rPh sb="63" eb="65">
      <t>ヨウシキ</t>
    </rPh>
    <phoneticPr fontId="6"/>
  </si>
  <si>
    <t>　　　26 「サービス提供体制強化加算」については、「サービス提供体制強化加算に関する届出書」（様式12-１）～（様式12－５）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ヨウシキ</t>
    </rPh>
    <rPh sb="72" eb="74">
      <t>テンプ</t>
    </rPh>
    <phoneticPr fontId="6"/>
  </si>
  <si>
    <t>　　　　（１）看護職員、介護職員の欠員（看護師の配置割合が基準を満たしていない場合を含む。）…「人員配置区分」欄の最も配置基準の低い配置区分を選択し、「その他該当する体制等」欄の欠員該当職種を選択する。</t>
    <rPh sb="57" eb="58">
      <t>モット</t>
    </rPh>
    <rPh sb="59" eb="61">
      <t>ハイチ</t>
    </rPh>
    <rPh sb="61" eb="63">
      <t>キジュン</t>
    </rPh>
    <rPh sb="64" eb="65">
      <t>ヒク</t>
    </rPh>
    <phoneticPr fontId="6"/>
  </si>
  <si>
    <t>　　　　　　　　イ　医師の欠員（病院において従事する者に限る。）…指定基準の６０％を満たさない場合について記載し、「人員配置区分」欄の最も配置基準の低い配置区分を選択し、「その他該当する体制等」欄の医師を選択する。</t>
    <rPh sb="69" eb="71">
      <t>ハイチ</t>
    </rPh>
    <rPh sb="71" eb="73">
      <t>キジュン</t>
    </rPh>
    <rPh sb="74" eb="75">
      <t>ヒク</t>
    </rPh>
    <phoneticPr fontId="6"/>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6" eb="98">
      <t>ハイチ</t>
    </rPh>
    <rPh sb="98" eb="100">
      <t>キジュン</t>
    </rPh>
    <rPh sb="101" eb="102">
      <t>ヒク</t>
    </rPh>
    <phoneticPr fontId="6"/>
  </si>
  <si>
    <t>　　　29 「日常生活継続支援加算」については、「日常生活継続支援加算に関する届出書」（様式16-１）を添付してください。</t>
    <rPh sb="7" eb="9">
      <t>ニチジョウ</t>
    </rPh>
    <rPh sb="9" eb="11">
      <t>セイカツ</t>
    </rPh>
    <rPh sb="11" eb="13">
      <t>ケイゾク</t>
    </rPh>
    <rPh sb="13" eb="17">
      <t>シエンカサン</t>
    </rPh>
    <phoneticPr fontId="6"/>
  </si>
  <si>
    <t>　　　30 「入居継続支援加算」については、「入居継続支援加算に係る届出書」（様式28-１）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ヨウシキ</t>
    </rPh>
    <rPh sb="47" eb="49">
      <t>テンプ</t>
    </rPh>
    <phoneticPr fontId="6"/>
  </si>
  <si>
    <t>　　　31 「配置医師緊急時対応加算」については、「配置医師緊急時対応加算に係る届出書」（様式2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ヨウシキ</t>
    </rPh>
    <rPh sb="51" eb="53">
      <t>テンプ</t>
    </rPh>
    <phoneticPr fontId="6"/>
  </si>
  <si>
    <t>　　　32 「テクノロジーの導入」については、「テクノロジーの導入による日常生活継続支援加算に関する届出書」（様式16ー２）、「テクノロジーの導入による入居継続支援加算に関する届出書」（様式28ー２）、「テクノロジーの導入による夜勤職員
　　　　配置加算に係る届出書」（様式30）のいずれかを添付してください。</t>
    <rPh sb="14" eb="16">
      <t>ドウニュウ</t>
    </rPh>
    <phoneticPr fontId="6"/>
  </si>
  <si>
    <t>　　　33 「移行支援加算」については、「訪問リハビリテーション事業所における移行支援加算に係る届出」（様式23-１）又は「通所リハビリテーション事業所における移行支援加算に係る届出」（様式23-２）を添付してください。</t>
    <rPh sb="7" eb="9">
      <t>イコウ</t>
    </rPh>
    <rPh sb="9" eb="13">
      <t>シエンカサン</t>
    </rPh>
    <rPh sb="59" eb="60">
      <t>マタ</t>
    </rPh>
    <rPh sb="62" eb="64">
      <t>ツウショ</t>
    </rPh>
    <phoneticPr fontId="6"/>
  </si>
  <si>
    <t>　　　34 「褥瘡マネジメント加算」については、「褥瘡マネジメントに関する届出書」（様式31）を添付してください。</t>
    <rPh sb="7" eb="9">
      <t>ジョクソウ</t>
    </rPh>
    <rPh sb="15" eb="17">
      <t>カサン</t>
    </rPh>
    <rPh sb="25" eb="27">
      <t>ジョクソウ</t>
    </rPh>
    <rPh sb="34" eb="35">
      <t>カン</t>
    </rPh>
    <rPh sb="37" eb="40">
      <t>トドケデショ</t>
    </rPh>
    <phoneticPr fontId="6"/>
  </si>
  <si>
    <t>　　　35 「重度認知症疾患療養体制加算」に係る届出については、「重度認知症疾患療養体制加算に係る届出」（様式26-３）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6"/>
  </si>
  <si>
    <t>　　　36 「移行計画の提出状況」については、「介護療養型医療施設の移行に係る届出」（様式35）を添付してください。</t>
    <rPh sb="7" eb="9">
      <t>イコウ</t>
    </rPh>
    <rPh sb="9" eb="11">
      <t>ケイカク</t>
    </rPh>
    <rPh sb="12" eb="14">
      <t>テイシュツ</t>
    </rPh>
    <rPh sb="14" eb="16">
      <t>ジョウキョウ</t>
    </rPh>
    <rPh sb="43" eb="45">
      <t>ヨウシキ</t>
    </rPh>
    <phoneticPr fontId="6"/>
  </si>
  <si>
    <t>注　１　介護老人保健施設に係る届出をした場合には、短期入所療養介護における届出事項で介護老人保健施設の届出と重複するものの届出は不要です。</t>
    <phoneticPr fontId="6"/>
  </si>
  <si>
    <t>　　２　介護療養型医療施設に係る届出をした場合には、短期入所療養介護における届出事項で介護療養型医療施設の届出と重複するものの届出は不要です。</t>
    <phoneticPr fontId="6"/>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6"/>
  </si>
  <si>
    <t>　　４　短期入所療養介護及び介護療養型医療施設にあっては、同一の施設区分で事業の実施が複数の病棟にわたる場合は、病棟ごとに届け出てください。</t>
    <phoneticPr fontId="6"/>
  </si>
  <si>
    <t>　　　３　介護老人保健施設における「人員配置区分」及び「在宅復帰・在宅療養支援機能加算」に係る届出については、「介護老人保健施設（基本型・在宅強化型）の基本施設サービス費及び在宅復帰・在宅療養支援機能加算に係る届出」</t>
    <rPh sb="5" eb="7">
      <t>カイゴ</t>
    </rPh>
    <rPh sb="7" eb="9">
      <t>ロウジン</t>
    </rPh>
    <rPh sb="9" eb="11">
      <t>ホケン</t>
    </rPh>
    <rPh sb="11" eb="13">
      <t>シセツ</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phoneticPr fontId="6"/>
  </si>
  <si>
    <t>　　　４　介護療養型医療施設における「人員配置区分」に係る届出については、「介護療養型医療施設（療養機能強化型）の基本施設サービス費に係る届出」（様式22）又は</t>
    <rPh sb="5" eb="7">
      <t>カイゴ</t>
    </rPh>
    <rPh sb="7" eb="10">
      <t>リョウヨウガタ</t>
    </rPh>
    <rPh sb="10" eb="12">
      <t>イリョウ</t>
    </rPh>
    <rPh sb="12" eb="14">
      <t>シセツ</t>
    </rPh>
    <rPh sb="19" eb="21">
      <t>ジンイン</t>
    </rPh>
    <rPh sb="21" eb="23">
      <t>ハイチ</t>
    </rPh>
    <rPh sb="23" eb="25">
      <t>クブン</t>
    </rPh>
    <rPh sb="27" eb="28">
      <t>カカ</t>
    </rPh>
    <rPh sb="29" eb="31">
      <t>トドケデ</t>
    </rPh>
    <rPh sb="38" eb="40">
      <t>カイゴ</t>
    </rPh>
    <rPh sb="40" eb="43">
      <t>リョウヨウガタ</t>
    </rPh>
    <rPh sb="43" eb="45">
      <t>イリョウ</t>
    </rPh>
    <rPh sb="45" eb="47">
      <t>シセツ</t>
    </rPh>
    <rPh sb="48" eb="50">
      <t>リョウヨウ</t>
    </rPh>
    <rPh sb="50" eb="52">
      <t>キノウ</t>
    </rPh>
    <rPh sb="52" eb="54">
      <t>キョウカ</t>
    </rPh>
    <rPh sb="54" eb="55">
      <t>ガタ</t>
    </rPh>
    <rPh sb="57" eb="59">
      <t>キホン</t>
    </rPh>
    <rPh sb="59" eb="61">
      <t>シセツ</t>
    </rPh>
    <rPh sb="65" eb="66">
      <t>ヒ</t>
    </rPh>
    <rPh sb="67" eb="68">
      <t>カカ</t>
    </rPh>
    <rPh sb="69" eb="71">
      <t>トドケデ</t>
    </rPh>
    <rPh sb="73" eb="75">
      <t>ヨウシキ</t>
    </rPh>
    <rPh sb="78" eb="79">
      <t>マタ</t>
    </rPh>
    <phoneticPr fontId="6"/>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0_ "/>
    <numFmt numFmtId="177" formatCode="####&quot;年&quot;"/>
    <numFmt numFmtId="178" formatCode="#,##0.0;[Red]\-#,##0.0"/>
    <numFmt numFmtId="179" formatCode="0.0"/>
    <numFmt numFmtId="180" formatCode="0.0%"/>
  </numFmts>
  <fonts count="46">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u/>
      <sz val="11"/>
      <color indexed="3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z val="12"/>
      <name val="HGPｺﾞｼｯｸE"/>
      <family val="3"/>
      <charset val="128"/>
    </font>
    <font>
      <strike/>
      <sz val="11"/>
      <name val="ＭＳ Ｐゴシック"/>
      <family val="3"/>
      <charset val="128"/>
    </font>
    <font>
      <sz val="20"/>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color rgb="FFFF0000"/>
      <name val="HGSｺﾞｼｯｸM"/>
      <family val="3"/>
      <charset val="128"/>
    </font>
    <font>
      <sz val="6"/>
      <name val="ＭＳ Ｐゴシック"/>
      <family val="2"/>
      <charset val="128"/>
      <scheme val="minor"/>
    </font>
    <font>
      <b/>
      <u/>
      <sz val="16"/>
      <color theme="1"/>
      <name val="ＭＳ Ｐゴシック"/>
      <family val="3"/>
      <charset val="128"/>
      <scheme val="minor"/>
    </font>
    <font>
      <b/>
      <sz val="11"/>
      <color theme="1"/>
      <name val="ＭＳ Ｐゴシック"/>
      <family val="3"/>
      <charset val="128"/>
      <scheme val="minor"/>
    </font>
    <font>
      <u/>
      <sz val="11"/>
      <color rgb="FFFF0000"/>
      <name val="ＭＳ Ｐゴシック"/>
      <family val="3"/>
      <charset val="128"/>
      <scheme val="minor"/>
    </font>
    <font>
      <sz val="12"/>
      <color theme="1"/>
      <name val="ＭＳ Ｐゴシック"/>
      <family val="2"/>
      <charset val="128"/>
      <scheme val="minor"/>
    </font>
    <font>
      <sz val="8"/>
      <color theme="1"/>
      <name val="ＭＳ Ｐゴシック"/>
      <family val="2"/>
      <charset val="128"/>
      <scheme val="minor"/>
    </font>
    <font>
      <sz val="9"/>
      <color theme="1"/>
      <name val="ＭＳ Ｐゴシック"/>
      <family val="2"/>
      <charset val="128"/>
      <scheme val="minor"/>
    </font>
    <font>
      <sz val="11"/>
      <name val="ＭＳ Ｐゴシック"/>
      <family val="3"/>
      <charset val="128"/>
      <scheme val="minor"/>
    </font>
  </fonts>
  <fills count="36">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CCFFFF"/>
        <bgColor indexed="64"/>
      </patternFill>
    </fill>
  </fills>
  <borders count="69">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style="thin">
        <color indexed="64"/>
      </left>
      <right style="thin">
        <color indexed="64"/>
      </right>
      <top/>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bottom style="dashed">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right style="dashed">
        <color indexed="64"/>
      </right>
      <top style="thin">
        <color indexed="64"/>
      </top>
      <bottom/>
      <diagonal/>
    </border>
    <border>
      <left style="thin">
        <color indexed="64"/>
      </left>
      <right/>
      <top style="dashed">
        <color indexed="64"/>
      </top>
      <bottom/>
      <diagonal/>
    </border>
    <border>
      <left style="dashed">
        <color indexed="64"/>
      </left>
      <right/>
      <top/>
      <bottom/>
      <diagonal/>
    </border>
    <border>
      <left/>
      <right style="dashed">
        <color indexed="64"/>
      </right>
      <top style="double">
        <color indexed="64"/>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thin">
        <color indexed="64"/>
      </right>
      <top style="dashed">
        <color indexed="64"/>
      </top>
      <bottom/>
      <diagonal/>
    </border>
    <border>
      <left style="dashed">
        <color indexed="64"/>
      </left>
      <right/>
      <top style="dashed">
        <color indexed="64"/>
      </top>
      <bottom style="dashed">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s>
  <cellStyleXfs count="48">
    <xf numFmtId="0" fontId="0" fillId="0" borderId="0"/>
    <xf numFmtId="0" fontId="20" fillId="4" borderId="0" applyNumberFormat="0" applyBorder="0" applyAlignment="0" applyProtection="0">
      <alignment vertical="center"/>
    </xf>
    <xf numFmtId="0" fontId="20" fillId="5" borderId="0" applyNumberFormat="0" applyBorder="0" applyAlignment="0" applyProtection="0">
      <alignment vertical="center"/>
    </xf>
    <xf numFmtId="0" fontId="20" fillId="6" borderId="0" applyNumberFormat="0" applyBorder="0" applyAlignment="0" applyProtection="0">
      <alignment vertical="center"/>
    </xf>
    <xf numFmtId="0" fontId="20" fillId="7" borderId="0" applyNumberFormat="0" applyBorder="0" applyAlignment="0" applyProtection="0">
      <alignment vertical="center"/>
    </xf>
    <xf numFmtId="0" fontId="20" fillId="8" borderId="0" applyNumberFormat="0" applyBorder="0" applyAlignment="0" applyProtection="0">
      <alignment vertical="center"/>
    </xf>
    <xf numFmtId="0" fontId="20" fillId="9" borderId="0" applyNumberFormat="0" applyBorder="0" applyAlignment="0" applyProtection="0">
      <alignment vertical="center"/>
    </xf>
    <xf numFmtId="0" fontId="20" fillId="10" borderId="0" applyNumberFormat="0" applyBorder="0" applyAlignment="0" applyProtection="0">
      <alignment vertical="center"/>
    </xf>
    <xf numFmtId="0" fontId="20" fillId="11" borderId="0" applyNumberFormat="0" applyBorder="0" applyAlignment="0" applyProtection="0">
      <alignment vertical="center"/>
    </xf>
    <xf numFmtId="0" fontId="20" fillId="12" borderId="0" applyNumberFormat="0" applyBorder="0" applyAlignment="0" applyProtection="0">
      <alignment vertical="center"/>
    </xf>
    <xf numFmtId="0" fontId="20" fillId="13" borderId="0" applyNumberFormat="0" applyBorder="0" applyAlignment="0" applyProtection="0">
      <alignment vertical="center"/>
    </xf>
    <xf numFmtId="0" fontId="20" fillId="14" borderId="0" applyNumberFormat="0" applyBorder="0" applyAlignment="0" applyProtection="0">
      <alignment vertical="center"/>
    </xf>
    <xf numFmtId="0" fontId="20" fillId="15" borderId="0" applyNumberFormat="0" applyBorder="0" applyAlignment="0" applyProtection="0">
      <alignment vertical="center"/>
    </xf>
    <xf numFmtId="0" fontId="21" fillId="16" borderId="0" applyNumberFormat="0" applyBorder="0" applyAlignment="0" applyProtection="0">
      <alignment vertical="center"/>
    </xf>
    <xf numFmtId="0" fontId="21" fillId="17" borderId="0" applyNumberFormat="0" applyBorder="0" applyAlignment="0" applyProtection="0">
      <alignment vertical="center"/>
    </xf>
    <xf numFmtId="0" fontId="21" fillId="18" borderId="0" applyNumberFormat="0" applyBorder="0" applyAlignment="0" applyProtection="0">
      <alignment vertical="center"/>
    </xf>
    <xf numFmtId="0" fontId="21" fillId="19" borderId="0" applyNumberFormat="0" applyBorder="0" applyAlignment="0" applyProtection="0">
      <alignment vertical="center"/>
    </xf>
    <xf numFmtId="0" fontId="21" fillId="20" borderId="0" applyNumberFormat="0" applyBorder="0" applyAlignment="0" applyProtection="0">
      <alignment vertical="center"/>
    </xf>
    <xf numFmtId="0" fontId="21" fillId="21" borderId="0" applyNumberFormat="0" applyBorder="0" applyAlignment="0" applyProtection="0">
      <alignment vertical="center"/>
    </xf>
    <xf numFmtId="0" fontId="21" fillId="22" borderId="0" applyNumberFormat="0" applyBorder="0" applyAlignment="0" applyProtection="0">
      <alignment vertical="center"/>
    </xf>
    <xf numFmtId="0" fontId="21" fillId="23" borderId="0" applyNumberFormat="0" applyBorder="0" applyAlignment="0" applyProtection="0">
      <alignment vertical="center"/>
    </xf>
    <xf numFmtId="0" fontId="21" fillId="24" borderId="0" applyNumberFormat="0" applyBorder="0" applyAlignment="0" applyProtection="0">
      <alignment vertical="center"/>
    </xf>
    <xf numFmtId="0" fontId="21" fillId="25" borderId="0" applyNumberFormat="0" applyBorder="0" applyAlignment="0" applyProtection="0">
      <alignment vertical="center"/>
    </xf>
    <xf numFmtId="0" fontId="21" fillId="26" borderId="0" applyNumberFormat="0" applyBorder="0" applyAlignment="0" applyProtection="0">
      <alignment vertical="center"/>
    </xf>
    <xf numFmtId="0" fontId="21" fillId="27" borderId="0" applyNumberFormat="0" applyBorder="0" applyAlignment="0" applyProtection="0">
      <alignment vertical="center"/>
    </xf>
    <xf numFmtId="0" fontId="22" fillId="0" borderId="0" applyNumberFormat="0" applyFill="0" applyBorder="0" applyAlignment="0" applyProtection="0">
      <alignment vertical="center"/>
    </xf>
    <xf numFmtId="0" fontId="23" fillId="28" borderId="55" applyNumberFormat="0" applyAlignment="0" applyProtection="0">
      <alignment vertical="center"/>
    </xf>
    <xf numFmtId="0" fontId="24" fillId="29" borderId="0" applyNumberFormat="0" applyBorder="0" applyAlignment="0" applyProtection="0">
      <alignment vertical="center"/>
    </xf>
    <xf numFmtId="0" fontId="13" fillId="3" borderId="56" applyNumberFormat="0" applyFont="0" applyAlignment="0" applyProtection="0">
      <alignment vertical="center"/>
    </xf>
    <xf numFmtId="0" fontId="25" fillId="0" borderId="57" applyNumberFormat="0" applyFill="0" applyAlignment="0" applyProtection="0">
      <alignment vertical="center"/>
    </xf>
    <xf numFmtId="0" fontId="26" fillId="30" borderId="0" applyNumberFormat="0" applyBorder="0" applyAlignment="0" applyProtection="0">
      <alignment vertical="center"/>
    </xf>
    <xf numFmtId="0" fontId="27" fillId="31" borderId="58" applyNumberFormat="0" applyAlignment="0" applyProtection="0">
      <alignment vertical="center"/>
    </xf>
    <xf numFmtId="0" fontId="28" fillId="0" borderId="0" applyNumberFormat="0" applyFill="0" applyBorder="0" applyAlignment="0" applyProtection="0">
      <alignment vertical="center"/>
    </xf>
    <xf numFmtId="0" fontId="29" fillId="0" borderId="59" applyNumberFormat="0" applyFill="0" applyAlignment="0" applyProtection="0">
      <alignment vertical="center"/>
    </xf>
    <xf numFmtId="0" fontId="30" fillId="0" borderId="60" applyNumberFormat="0" applyFill="0" applyAlignment="0" applyProtection="0">
      <alignment vertical="center"/>
    </xf>
    <xf numFmtId="0" fontId="31" fillId="0" borderId="61" applyNumberFormat="0" applyFill="0" applyAlignment="0" applyProtection="0">
      <alignment vertical="center"/>
    </xf>
    <xf numFmtId="0" fontId="31" fillId="0" borderId="0" applyNumberFormat="0" applyFill="0" applyBorder="0" applyAlignment="0" applyProtection="0">
      <alignment vertical="center"/>
    </xf>
    <xf numFmtId="0" fontId="32" fillId="0" borderId="62" applyNumberFormat="0" applyFill="0" applyAlignment="0" applyProtection="0">
      <alignment vertical="center"/>
    </xf>
    <xf numFmtId="0" fontId="33" fillId="31" borderId="63" applyNumberFormat="0" applyAlignment="0" applyProtection="0">
      <alignment vertical="center"/>
    </xf>
    <xf numFmtId="0" fontId="34" fillId="0" borderId="0" applyNumberFormat="0" applyFill="0" applyBorder="0" applyAlignment="0" applyProtection="0">
      <alignment vertical="center"/>
    </xf>
    <xf numFmtId="0" fontId="35" fillId="2" borderId="58" applyNumberFormat="0" applyAlignment="0" applyProtection="0">
      <alignment vertical="center"/>
    </xf>
    <xf numFmtId="0" fontId="36" fillId="32" borderId="0" applyNumberFormat="0" applyBorder="0" applyAlignment="0" applyProtection="0">
      <alignment vertical="center"/>
    </xf>
    <xf numFmtId="0" fontId="13" fillId="0" borderId="0"/>
    <xf numFmtId="0" fontId="5" fillId="0" borderId="0">
      <alignment vertical="center"/>
    </xf>
    <xf numFmtId="38" fontId="5" fillId="0" borderId="0" applyFont="0" applyFill="0" applyBorder="0" applyAlignment="0" applyProtection="0">
      <alignment vertical="center"/>
    </xf>
    <xf numFmtId="9" fontId="5" fillId="0" borderId="0" applyFont="0" applyFill="0" applyBorder="0" applyAlignment="0" applyProtection="0">
      <alignment vertical="center"/>
    </xf>
    <xf numFmtId="0" fontId="3" fillId="0" borderId="0">
      <alignment vertical="center"/>
    </xf>
    <xf numFmtId="9" fontId="3" fillId="0" borderId="0" applyFont="0" applyFill="0" applyBorder="0" applyAlignment="0" applyProtection="0">
      <alignment vertical="center"/>
    </xf>
  </cellStyleXfs>
  <cellXfs count="482">
    <xf numFmtId="0" fontId="0" fillId="0" borderId="0" xfId="0" applyAlignment="1"/>
    <xf numFmtId="0" fontId="8" fillId="0" borderId="0" xfId="0" applyFont="1" applyAlignment="1">
      <alignment horizontal="left" vertical="center"/>
    </xf>
    <xf numFmtId="0" fontId="8" fillId="0" borderId="0" xfId="0" applyFont="1" applyAlignment="1">
      <alignment vertical="center"/>
    </xf>
    <xf numFmtId="0" fontId="8" fillId="0" borderId="0" xfId="0" applyFont="1" applyAlignment="1"/>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8" fillId="0" borderId="0" xfId="0" applyFont="1" applyAlignment="1">
      <alignment horizontal="center" vertical="center"/>
    </xf>
    <xf numFmtId="0" fontId="8" fillId="0" borderId="9" xfId="0" applyFont="1" applyBorder="1" applyAlignment="1">
      <alignment horizontal="left" vertical="center"/>
    </xf>
    <xf numFmtId="0" fontId="8" fillId="0" borderId="0" xfId="0" applyFont="1" applyAlignment="1">
      <alignment horizontal="left"/>
    </xf>
    <xf numFmtId="0" fontId="8" fillId="0" borderId="6" xfId="0" applyFont="1" applyBorder="1" applyAlignment="1"/>
    <xf numFmtId="0" fontId="8" fillId="0" borderId="7" xfId="0" applyFont="1" applyBorder="1" applyAlignment="1"/>
    <xf numFmtId="0" fontId="8" fillId="0" borderId="8" xfId="0" applyFont="1" applyBorder="1" applyAlignment="1"/>
    <xf numFmtId="0" fontId="8" fillId="0" borderId="6" xfId="0" applyFont="1" applyBorder="1" applyAlignment="1">
      <alignment horizontal="justify" wrapText="1"/>
    </xf>
    <xf numFmtId="0" fontId="8" fillId="0" borderId="7" xfId="0" applyFont="1" applyBorder="1" applyAlignment="1">
      <alignment horizontal="justify" wrapText="1"/>
    </xf>
    <xf numFmtId="0" fontId="8" fillId="0" borderId="0" xfId="0" applyFont="1" applyBorder="1" applyAlignment="1">
      <alignment horizontal="justify" vertical="center" wrapText="1"/>
    </xf>
    <xf numFmtId="0" fontId="8" fillId="0" borderId="0" xfId="0" applyFont="1" applyAlignment="1">
      <alignment horizontal="left" vertical="center" wrapText="1"/>
    </xf>
    <xf numFmtId="0" fontId="8" fillId="0" borderId="4" xfId="0" applyFont="1" applyBorder="1" applyAlignment="1">
      <alignment vertical="center"/>
    </xf>
    <xf numFmtId="0" fontId="8" fillId="0" borderId="1" xfId="0" applyFont="1" applyBorder="1" applyAlignment="1">
      <alignment vertical="center"/>
    </xf>
    <xf numFmtId="0" fontId="8" fillId="0" borderId="6" xfId="0" applyFont="1" applyBorder="1" applyAlignment="1">
      <alignment horizontal="justify" vertical="center"/>
    </xf>
    <xf numFmtId="0" fontId="8" fillId="0" borderId="7" xfId="0" applyFont="1" applyBorder="1" applyAlignment="1">
      <alignment horizontal="justify" vertical="center"/>
    </xf>
    <xf numFmtId="0" fontId="8" fillId="0" borderId="8" xfId="0" applyFont="1" applyBorder="1" applyAlignment="1">
      <alignment horizontal="justify" vertical="center"/>
    </xf>
    <xf numFmtId="0" fontId="8" fillId="0" borderId="0" xfId="0" applyFont="1" applyBorder="1" applyAlignment="1">
      <alignment horizontal="left" wrapText="1"/>
    </xf>
    <xf numFmtId="0" fontId="8" fillId="0" borderId="3" xfId="0" applyFont="1" applyBorder="1" applyAlignment="1">
      <alignment horizontal="justify" vertical="center"/>
    </xf>
    <xf numFmtId="0" fontId="8" fillId="0" borderId="6" xfId="0" applyFont="1" applyBorder="1" applyAlignment="1">
      <alignment horizontal="justify"/>
    </xf>
    <xf numFmtId="0" fontId="8" fillId="0" borderId="7" xfId="0" applyFont="1" applyBorder="1" applyAlignment="1">
      <alignment horizontal="justify"/>
    </xf>
    <xf numFmtId="0" fontId="8" fillId="0" borderId="8" xfId="0" applyFont="1" applyBorder="1" applyAlignment="1">
      <alignment horizontal="justify"/>
    </xf>
    <xf numFmtId="0" fontId="8" fillId="0" borderId="4" xfId="0" applyFont="1" applyBorder="1" applyAlignment="1">
      <alignment horizontal="justify" vertical="center"/>
    </xf>
    <xf numFmtId="0" fontId="8" fillId="0" borderId="1" xfId="0" applyFont="1" applyBorder="1" applyAlignment="1">
      <alignment horizontal="justify" vertical="center"/>
    </xf>
    <xf numFmtId="0" fontId="8" fillId="0" borderId="4" xfId="0" applyFont="1" applyBorder="1" applyAlignment="1">
      <alignment horizontal="justify" wrapText="1"/>
    </xf>
    <xf numFmtId="0" fontId="8" fillId="0" borderId="1" xfId="0" applyFont="1" applyBorder="1" applyAlignment="1">
      <alignment horizontal="justify" wrapText="1"/>
    </xf>
    <xf numFmtId="0" fontId="8" fillId="0" borderId="8" xfId="0" applyFont="1" applyBorder="1" applyAlignment="1">
      <alignment horizontal="justify" wrapText="1"/>
    </xf>
    <xf numFmtId="0" fontId="8" fillId="0" borderId="10" xfId="0" applyFont="1" applyBorder="1" applyAlignment="1">
      <alignment horizontal="justify" wrapText="1"/>
    </xf>
    <xf numFmtId="0" fontId="8" fillId="0" borderId="9" xfId="0" applyFont="1" applyBorder="1" applyAlignment="1">
      <alignment horizontal="justify" wrapText="1"/>
    </xf>
    <xf numFmtId="0" fontId="8" fillId="0" borderId="9" xfId="0" applyFont="1" applyBorder="1" applyAlignment="1"/>
    <xf numFmtId="0" fontId="8" fillId="0" borderId="11" xfId="0" applyFont="1" applyBorder="1" applyAlignment="1">
      <alignment horizontal="left"/>
    </xf>
    <xf numFmtId="0" fontId="8" fillId="0" borderId="3" xfId="0" applyFont="1" applyBorder="1" applyAlignment="1">
      <alignment vertical="center"/>
    </xf>
    <xf numFmtId="0" fontId="8" fillId="0" borderId="12" xfId="0" applyFont="1" applyBorder="1" applyAlignment="1">
      <alignment vertical="center"/>
    </xf>
    <xf numFmtId="0" fontId="8" fillId="0" borderId="13" xfId="0" applyFont="1" applyBorder="1" applyAlignment="1">
      <alignment vertical="center"/>
    </xf>
    <xf numFmtId="0" fontId="8" fillId="0" borderId="14" xfId="0" applyFont="1" applyBorder="1" applyAlignment="1">
      <alignment vertical="center"/>
    </xf>
    <xf numFmtId="0" fontId="8" fillId="0" borderId="0" xfId="0" applyFont="1" applyAlignment="1">
      <alignment horizontal="right" vertical="center"/>
    </xf>
    <xf numFmtId="0" fontId="10" fillId="0" borderId="0" xfId="0" applyFont="1" applyAlignment="1">
      <alignment horizontal="justify"/>
    </xf>
    <xf numFmtId="0" fontId="8" fillId="0" borderId="7" xfId="0" applyFont="1" applyBorder="1" applyAlignment="1">
      <alignment horizontal="left"/>
    </xf>
    <xf numFmtId="0" fontId="8" fillId="0" borderId="7" xfId="0" applyFont="1" applyBorder="1" applyAlignment="1">
      <alignment horizontal="left" wrapText="1"/>
    </xf>
    <xf numFmtId="0" fontId="8" fillId="0" borderId="4" xfId="0" applyFont="1" applyBorder="1" applyAlignment="1">
      <alignment horizontal="left"/>
    </xf>
    <xf numFmtId="0" fontId="8" fillId="0" borderId="1" xfId="0" applyFont="1" applyBorder="1" applyAlignment="1">
      <alignment horizontal="left"/>
    </xf>
    <xf numFmtId="0" fontId="8" fillId="0" borderId="5" xfId="0" applyFont="1" applyBorder="1" applyAlignment="1">
      <alignment horizontal="left"/>
    </xf>
    <xf numFmtId="0" fontId="8" fillId="0" borderId="15" xfId="0" applyFont="1" applyBorder="1" applyAlignment="1">
      <alignment horizontal="left"/>
    </xf>
    <xf numFmtId="0" fontId="8" fillId="0" borderId="3" xfId="0" applyFont="1" applyBorder="1" applyAlignment="1">
      <alignment horizontal="left"/>
    </xf>
    <xf numFmtId="0" fontId="8" fillId="0" borderId="16" xfId="0" applyFont="1" applyBorder="1" applyAlignment="1">
      <alignment horizontal="left"/>
    </xf>
    <xf numFmtId="0" fontId="8" fillId="0" borderId="0" xfId="0" applyFont="1" applyBorder="1" applyAlignment="1">
      <alignment horizontal="left"/>
    </xf>
    <xf numFmtId="0" fontId="8" fillId="0" borderId="17" xfId="0" applyFont="1" applyBorder="1" applyAlignment="1">
      <alignment horizontal="left"/>
    </xf>
    <xf numFmtId="0" fontId="8" fillId="0" borderId="3" xfId="0" applyFont="1" applyBorder="1" applyAlignment="1"/>
    <xf numFmtId="0" fontId="8" fillId="0" borderId="4" xfId="0" applyFont="1" applyBorder="1" applyAlignment="1"/>
    <xf numFmtId="0" fontId="8" fillId="0" borderId="1" xfId="0" applyFont="1" applyBorder="1" applyAlignment="1"/>
    <xf numFmtId="0" fontId="8" fillId="0" borderId="5" xfId="0" applyFont="1" applyBorder="1" applyAlignment="1"/>
    <xf numFmtId="0" fontId="8" fillId="0" borderId="15" xfId="0" applyFont="1" applyBorder="1" applyAlignment="1"/>
    <xf numFmtId="0" fontId="8" fillId="0" borderId="18" xfId="0" applyFont="1" applyBorder="1" applyAlignment="1">
      <alignment horizontal="center" vertical="center" textRotation="255"/>
    </xf>
    <xf numFmtId="0" fontId="8" fillId="0" borderId="19" xfId="0" applyFont="1" applyBorder="1" applyAlignment="1">
      <alignment horizontal="justify" wrapText="1"/>
    </xf>
    <xf numFmtId="0" fontId="8" fillId="0" borderId="19" xfId="0" applyFont="1" applyBorder="1" applyAlignment="1">
      <alignment horizontal="left" vertical="center"/>
    </xf>
    <xf numFmtId="0" fontId="8" fillId="0" borderId="20" xfId="0" applyFont="1" applyBorder="1" applyAlignment="1">
      <alignment horizontal="left" vertical="center"/>
    </xf>
    <xf numFmtId="0" fontId="8" fillId="0" borderId="6" xfId="0" applyFont="1" applyBorder="1" applyAlignment="1">
      <alignment horizontal="center" vertical="center" textRotation="255"/>
    </xf>
    <xf numFmtId="0" fontId="8" fillId="0" borderId="4" xfId="0" applyFont="1" applyBorder="1" applyAlignment="1">
      <alignment horizontal="justify"/>
    </xf>
    <xf numFmtId="0" fontId="8" fillId="0" borderId="5" xfId="0" applyFont="1" applyBorder="1" applyAlignment="1">
      <alignment horizontal="justify"/>
    </xf>
    <xf numFmtId="0" fontId="8" fillId="0" borderId="6" xfId="0" applyFont="1" applyBorder="1" applyAlignment="1">
      <alignment horizontal="center" vertical="center" textRotation="255" wrapText="1"/>
    </xf>
    <xf numFmtId="0" fontId="8" fillId="0" borderId="3" xfId="0" applyFont="1" applyBorder="1" applyAlignment="1">
      <alignment horizontal="center" vertical="center" textRotation="255" wrapText="1"/>
    </xf>
    <xf numFmtId="0" fontId="8" fillId="0" borderId="20" xfId="0" applyFont="1" applyBorder="1" applyAlignment="1">
      <alignment horizontal="justify" wrapText="1"/>
    </xf>
    <xf numFmtId="0" fontId="8" fillId="0" borderId="21" xfId="0" applyFont="1" applyBorder="1" applyAlignment="1">
      <alignment horizontal="center" vertical="center" textRotation="255" wrapText="1"/>
    </xf>
    <xf numFmtId="0" fontId="8" fillId="0" borderId="22" xfId="0" applyFont="1" applyBorder="1" applyAlignment="1">
      <alignment horizontal="justify" wrapText="1"/>
    </xf>
    <xf numFmtId="0" fontId="8" fillId="0" borderId="23" xfId="0" applyFont="1" applyBorder="1" applyAlignment="1">
      <alignment horizontal="justify" wrapText="1"/>
    </xf>
    <xf numFmtId="0" fontId="8" fillId="0" borderId="24" xfId="0" applyFont="1" applyBorder="1" applyAlignment="1">
      <alignment horizontal="justify" wrapText="1"/>
    </xf>
    <xf numFmtId="0" fontId="8" fillId="0" borderId="21" xfId="0" applyFont="1" applyBorder="1" applyAlignment="1">
      <alignment horizontal="left" vertical="center"/>
    </xf>
    <xf numFmtId="0" fontId="8" fillId="0" borderId="23" xfId="0" applyFont="1" applyBorder="1" applyAlignment="1">
      <alignment horizontal="justify"/>
    </xf>
    <xf numFmtId="0" fontId="8" fillId="0" borderId="23" xfId="0" applyFont="1" applyBorder="1" applyAlignment="1"/>
    <xf numFmtId="0" fontId="8" fillId="0" borderId="24" xfId="0" applyFont="1" applyBorder="1" applyAlignment="1"/>
    <xf numFmtId="0" fontId="8" fillId="0" borderId="3" xfId="0" applyFont="1" applyBorder="1" applyAlignment="1">
      <alignment horizontal="justify" wrapText="1"/>
    </xf>
    <xf numFmtId="0" fontId="8" fillId="0" borderId="25" xfId="0" applyFont="1" applyBorder="1" applyAlignment="1">
      <alignment horizontal="left" vertical="center"/>
    </xf>
    <xf numFmtId="0" fontId="8" fillId="0" borderId="21" xfId="0" applyFont="1" applyBorder="1" applyAlignment="1">
      <alignment horizontal="justify" wrapText="1"/>
    </xf>
    <xf numFmtId="0" fontId="8" fillId="0" borderId="24" xfId="0" applyFont="1" applyBorder="1" applyAlignment="1">
      <alignment horizontal="left" vertical="center"/>
    </xf>
    <xf numFmtId="0" fontId="8" fillId="0" borderId="26" xfId="0" applyFont="1" applyBorder="1" applyAlignment="1">
      <alignment horizontal="left" vertical="center"/>
    </xf>
    <xf numFmtId="0" fontId="8" fillId="0" borderId="21" xfId="0" applyFont="1" applyBorder="1" applyAlignment="1"/>
    <xf numFmtId="0" fontId="8" fillId="0" borderId="0" xfId="0" applyFont="1" applyFill="1" applyAlignment="1">
      <alignment horizontal="left" vertical="center"/>
    </xf>
    <xf numFmtId="0" fontId="14" fillId="0" borderId="0" xfId="0" applyFont="1" applyFill="1" applyBorder="1" applyAlignment="1">
      <alignment horizontal="left" vertical="center"/>
    </xf>
    <xf numFmtId="0" fontId="8" fillId="0" borderId="0" xfId="0" applyFont="1" applyFill="1" applyAlignment="1"/>
    <xf numFmtId="0" fontId="8" fillId="0" borderId="0" xfId="0" applyFont="1" applyFill="1" applyAlignment="1">
      <alignment vertical="center"/>
    </xf>
    <xf numFmtId="0" fontId="18" fillId="0" borderId="0" xfId="0" applyFont="1" applyFill="1" applyAlignment="1">
      <alignment horizontal="left" vertical="center"/>
    </xf>
    <xf numFmtId="0" fontId="8" fillId="0" borderId="5" xfId="0" applyFont="1" applyFill="1" applyBorder="1" applyAlignment="1">
      <alignment vertical="center"/>
    </xf>
    <xf numFmtId="0" fontId="8" fillId="0" borderId="16" xfId="0" applyFont="1" applyFill="1" applyBorder="1" applyAlignment="1">
      <alignment vertical="center" wrapText="1"/>
    </xf>
    <xf numFmtId="0" fontId="8" fillId="0" borderId="0" xfId="0" applyFont="1" applyFill="1" applyAlignment="1">
      <alignment vertical="top"/>
    </xf>
    <xf numFmtId="0" fontId="8" fillId="0" borderId="0" xfId="0" applyFont="1" applyFill="1" applyBorder="1" applyAlignment="1"/>
    <xf numFmtId="0" fontId="0" fillId="0" borderId="0" xfId="0" applyFont="1" applyFill="1" applyAlignment="1">
      <alignment horizontal="left" vertical="center"/>
    </xf>
    <xf numFmtId="0" fontId="8" fillId="0" borderId="1" xfId="0" applyFont="1" applyFill="1" applyBorder="1" applyAlignment="1"/>
    <xf numFmtId="0" fontId="8" fillId="0" borderId="27" xfId="0" applyFont="1" applyFill="1" applyBorder="1" applyAlignment="1"/>
    <xf numFmtId="0" fontId="8" fillId="0" borderId="5" xfId="0" applyFont="1" applyFill="1" applyBorder="1" applyAlignment="1"/>
    <xf numFmtId="0" fontId="8" fillId="0" borderId="15" xfId="0" applyFont="1" applyFill="1" applyBorder="1" applyAlignment="1"/>
    <xf numFmtId="0" fontId="0" fillId="0" borderId="0" xfId="0" applyFont="1" applyFill="1" applyBorder="1" applyAlignment="1">
      <alignment horizontal="left" vertical="center"/>
    </xf>
    <xf numFmtId="0" fontId="18" fillId="0" borderId="0" xfId="0" applyFont="1" applyFill="1" applyAlignment="1">
      <alignment horizontal="center" vertical="center"/>
    </xf>
    <xf numFmtId="0" fontId="16" fillId="0" borderId="0" xfId="0" applyFont="1" applyFill="1" applyBorder="1" applyAlignment="1">
      <alignment horizontal="left" vertical="center"/>
    </xf>
    <xf numFmtId="0" fontId="0" fillId="0" borderId="0" xfId="0" applyFont="1" applyFill="1" applyAlignment="1">
      <alignment horizontal="center" vertical="center"/>
    </xf>
    <xf numFmtId="0" fontId="14" fillId="0" borderId="0" xfId="0" applyFont="1" applyFill="1" applyAlignment="1">
      <alignment vertical="center"/>
    </xf>
    <xf numFmtId="0" fontId="0" fillId="0" borderId="0" xfId="0" applyFont="1" applyFill="1" applyAlignment="1"/>
    <xf numFmtId="0" fontId="11" fillId="0" borderId="2" xfId="0" applyFont="1" applyFill="1" applyBorder="1" applyAlignment="1">
      <alignment horizontal="center" vertical="center" wrapText="1"/>
    </xf>
    <xf numFmtId="0" fontId="11" fillId="0" borderId="6" xfId="0" applyFont="1" applyFill="1" applyBorder="1" applyAlignment="1">
      <alignment horizontal="center" vertical="center" wrapText="1"/>
    </xf>
    <xf numFmtId="0" fontId="11" fillId="0" borderId="25" xfId="0" applyFont="1" applyFill="1" applyBorder="1" applyAlignment="1">
      <alignment horizontal="center" vertical="center" wrapText="1"/>
    </xf>
    <xf numFmtId="0" fontId="8" fillId="0" borderId="0" xfId="0" applyFont="1" applyFill="1" applyAlignment="1">
      <alignment vertical="top" wrapText="1"/>
    </xf>
    <xf numFmtId="0" fontId="8" fillId="0" borderId="3" xfId="0" applyFont="1" applyFill="1" applyBorder="1" applyAlignment="1">
      <alignment vertical="center"/>
    </xf>
    <xf numFmtId="0" fontId="8" fillId="0" borderId="4" xfId="0" applyFont="1" applyFill="1" applyBorder="1" applyAlignment="1">
      <alignment vertical="center"/>
    </xf>
    <xf numFmtId="0" fontId="8" fillId="0" borderId="1" xfId="0" applyFont="1" applyFill="1" applyBorder="1" applyAlignment="1">
      <alignment vertical="center"/>
    </xf>
    <xf numFmtId="0" fontId="8" fillId="0" borderId="13" xfId="0" applyFont="1" applyFill="1" applyBorder="1" applyAlignment="1">
      <alignment vertical="center"/>
    </xf>
    <xf numFmtId="0" fontId="8" fillId="0" borderId="14" xfId="0" applyFont="1" applyFill="1" applyBorder="1" applyAlignment="1">
      <alignment vertical="center"/>
    </xf>
    <xf numFmtId="0" fontId="11" fillId="0" borderId="0" xfId="0" applyFont="1" applyFill="1" applyAlignment="1">
      <alignment horizontal="left"/>
    </xf>
    <xf numFmtId="0" fontId="11" fillId="0" borderId="0" xfId="0" applyFont="1" applyFill="1" applyAlignment="1">
      <alignment horizontal="justify"/>
    </xf>
    <xf numFmtId="0" fontId="11" fillId="0" borderId="0" xfId="0" applyFont="1" applyFill="1" applyAlignment="1">
      <alignment vertical="top"/>
    </xf>
    <xf numFmtId="0" fontId="11" fillId="0" borderId="6" xfId="0" applyFont="1" applyFill="1" applyBorder="1" applyAlignment="1">
      <alignment horizontal="center" vertical="center"/>
    </xf>
    <xf numFmtId="0" fontId="11" fillId="0" borderId="2" xfId="0" applyFont="1" applyFill="1" applyBorder="1" applyAlignment="1">
      <alignment horizontal="center" vertical="center"/>
    </xf>
    <xf numFmtId="0" fontId="11" fillId="0" borderId="2" xfId="0" applyFont="1" applyFill="1" applyBorder="1" applyAlignment="1">
      <alignment horizontal="justify" vertical="center"/>
    </xf>
    <xf numFmtId="0" fontId="11" fillId="0" borderId="6" xfId="0" applyFont="1" applyFill="1" applyBorder="1" applyAlignment="1">
      <alignment horizontal="justify" vertical="center"/>
    </xf>
    <xf numFmtId="0" fontId="11" fillId="0" borderId="2" xfId="0" applyFont="1" applyFill="1" applyBorder="1" applyAlignment="1">
      <alignment horizontal="justify" vertical="center" wrapText="1"/>
    </xf>
    <xf numFmtId="0" fontId="11" fillId="0" borderId="6" xfId="0" applyFont="1" applyFill="1" applyBorder="1" applyAlignment="1">
      <alignment horizontal="justify" vertical="center" wrapText="1"/>
    </xf>
    <xf numFmtId="0" fontId="11" fillId="0" borderId="34" xfId="0" applyFont="1" applyFill="1" applyBorder="1" applyAlignment="1">
      <alignment horizontal="justify" vertical="top" wrapText="1"/>
    </xf>
    <xf numFmtId="0" fontId="11" fillId="0" borderId="2" xfId="0" applyFont="1" applyFill="1" applyBorder="1" applyAlignment="1">
      <alignment horizontal="justify" vertical="top" wrapText="1"/>
    </xf>
    <xf numFmtId="0" fontId="11" fillId="0" borderId="25" xfId="0" applyFont="1" applyFill="1" applyBorder="1" applyAlignment="1">
      <alignment horizontal="justify" vertical="top" wrapText="1"/>
    </xf>
    <xf numFmtId="0" fontId="11" fillId="0" borderId="3" xfId="0" applyFont="1" applyFill="1" applyBorder="1" applyAlignment="1">
      <alignment horizontal="justify" vertical="top" wrapText="1"/>
    </xf>
    <xf numFmtId="0" fontId="11" fillId="0" borderId="4" xfId="0" applyFont="1" applyFill="1" applyBorder="1" applyAlignment="1">
      <alignment horizontal="justify" vertical="top" wrapText="1"/>
    </xf>
    <xf numFmtId="0" fontId="11" fillId="0" borderId="17" xfId="0" applyFont="1" applyFill="1" applyBorder="1" applyAlignment="1">
      <alignment horizontal="left"/>
    </xf>
    <xf numFmtId="0" fontId="11" fillId="0" borderId="0" xfId="0" applyFont="1" applyFill="1" applyBorder="1" applyAlignment="1"/>
    <xf numFmtId="0" fontId="11" fillId="0" borderId="27" xfId="0" applyFont="1" applyFill="1" applyBorder="1" applyAlignment="1">
      <alignment horizontal="justify" vertical="top" wrapText="1"/>
    </xf>
    <xf numFmtId="0" fontId="11" fillId="0" borderId="0" xfId="0" applyFont="1" applyFill="1" applyBorder="1" applyAlignment="1">
      <alignment horizontal="justify" vertical="top" wrapText="1"/>
    </xf>
    <xf numFmtId="0" fontId="11" fillId="0" borderId="16" xfId="0" applyFont="1" applyFill="1" applyBorder="1" applyAlignment="1">
      <alignment horizontal="left"/>
    </xf>
    <xf numFmtId="0" fontId="11" fillId="0" borderId="0" xfId="0" applyFont="1" applyFill="1" applyBorder="1" applyAlignment="1">
      <alignment horizontal="left"/>
    </xf>
    <xf numFmtId="0" fontId="17" fillId="0" borderId="0" xfId="0" applyFont="1" applyFill="1" applyAlignment="1">
      <alignment horizontal="left" vertical="center"/>
    </xf>
    <xf numFmtId="0" fontId="19" fillId="0" borderId="0" xfId="0" applyFont="1" applyFill="1" applyAlignment="1">
      <alignment vertical="center"/>
    </xf>
    <xf numFmtId="0" fontId="11" fillId="0" borderId="26" xfId="0" applyFont="1" applyFill="1" applyBorder="1" applyAlignment="1">
      <alignment horizontal="center" vertical="center" wrapText="1"/>
    </xf>
    <xf numFmtId="176" fontId="9" fillId="0" borderId="2" xfId="0" applyNumberFormat="1" applyFont="1" applyFill="1" applyBorder="1" applyAlignment="1">
      <alignment horizontal="center" vertical="center" wrapText="1"/>
    </xf>
    <xf numFmtId="0" fontId="8" fillId="0" borderId="3" xfId="0" applyFont="1" applyFill="1" applyBorder="1" applyAlignment="1">
      <alignment vertical="center" wrapText="1"/>
    </xf>
    <xf numFmtId="0" fontId="8" fillId="0" borderId="0" xfId="0" applyFont="1" applyFill="1" applyBorder="1" applyAlignment="1">
      <alignment vertical="top"/>
    </xf>
    <xf numFmtId="0" fontId="8" fillId="0" borderId="27" xfId="0" applyFont="1" applyFill="1" applyBorder="1" applyAlignment="1">
      <alignment vertical="center"/>
    </xf>
    <xf numFmtId="0" fontId="8" fillId="0" borderId="0" xfId="0" applyFont="1" applyFill="1" applyBorder="1" applyAlignment="1">
      <alignment horizontal="center" vertical="center"/>
    </xf>
    <xf numFmtId="0" fontId="8" fillId="0" borderId="0" xfId="0" applyFont="1" applyFill="1" applyBorder="1" applyAlignment="1">
      <alignment vertical="center"/>
    </xf>
    <xf numFmtId="0" fontId="8" fillId="0" borderId="30" xfId="0" applyFont="1" applyFill="1" applyBorder="1" applyAlignment="1">
      <alignment horizontal="left" vertical="center" wrapText="1"/>
    </xf>
    <xf numFmtId="0" fontId="8" fillId="0" borderId="27" xfId="0" applyFont="1" applyFill="1" applyBorder="1" applyAlignment="1">
      <alignment vertical="center" wrapText="1"/>
    </xf>
    <xf numFmtId="0" fontId="8" fillId="0" borderId="5" xfId="0" applyFont="1" applyFill="1" applyBorder="1" applyAlignment="1">
      <alignment vertical="center" wrapText="1"/>
    </xf>
    <xf numFmtId="0" fontId="8" fillId="0" borderId="15" xfId="0" applyFont="1" applyFill="1" applyBorder="1" applyAlignment="1">
      <alignment vertical="center" wrapText="1"/>
    </xf>
    <xf numFmtId="0" fontId="8" fillId="0" borderId="3" xfId="0" applyFont="1" applyFill="1" applyBorder="1" applyAlignment="1">
      <alignment horizontal="left" vertical="center"/>
    </xf>
    <xf numFmtId="0" fontId="8" fillId="0" borderId="1" xfId="0" applyFont="1" applyFill="1" applyBorder="1" applyAlignment="1">
      <alignment horizontal="left" vertical="center"/>
    </xf>
    <xf numFmtId="0" fontId="8" fillId="0" borderId="16" xfId="0" applyFont="1" applyFill="1" applyBorder="1" applyAlignment="1">
      <alignment horizontal="left" vertical="center"/>
    </xf>
    <xf numFmtId="0" fontId="8" fillId="0" borderId="15" xfId="0" applyFont="1" applyFill="1" applyBorder="1" applyAlignment="1">
      <alignment horizontal="left" vertical="center"/>
    </xf>
    <xf numFmtId="0" fontId="8" fillId="0" borderId="0" xfId="0" applyFont="1" applyFill="1" applyAlignment="1">
      <alignment horizontal="center"/>
    </xf>
    <xf numFmtId="0" fontId="8" fillId="0" borderId="4" xfId="0" applyFont="1" applyFill="1" applyBorder="1" applyAlignment="1">
      <alignment vertical="center" wrapText="1"/>
    </xf>
    <xf numFmtId="0" fontId="8" fillId="0" borderId="30" xfId="0" applyFont="1" applyFill="1" applyBorder="1" applyAlignment="1">
      <alignment vertical="center"/>
    </xf>
    <xf numFmtId="0" fontId="8" fillId="0" borderId="25" xfId="0" applyFont="1" applyFill="1" applyBorder="1" applyAlignment="1">
      <alignment vertical="center"/>
    </xf>
    <xf numFmtId="0" fontId="8" fillId="0" borderId="33" xfId="0" applyFont="1" applyFill="1" applyBorder="1" applyAlignment="1">
      <alignment vertical="center"/>
    </xf>
    <xf numFmtId="0" fontId="8" fillId="0" borderId="31" xfId="0" applyFont="1" applyFill="1" applyBorder="1" applyAlignment="1">
      <alignment vertical="center"/>
    </xf>
    <xf numFmtId="0" fontId="0" fillId="0" borderId="37" xfId="0" applyFont="1" applyFill="1" applyBorder="1" applyAlignment="1">
      <alignment horizontal="left" vertical="center"/>
    </xf>
    <xf numFmtId="0" fontId="0" fillId="0" borderId="40" xfId="0" applyFont="1" applyFill="1" applyBorder="1" applyAlignment="1">
      <alignment horizontal="left" vertical="center"/>
    </xf>
    <xf numFmtId="0" fontId="0" fillId="0" borderId="13" xfId="0" applyFont="1" applyFill="1" applyBorder="1" applyAlignment="1">
      <alignment horizontal="left" vertical="center"/>
    </xf>
    <xf numFmtId="0" fontId="0" fillId="0" borderId="14" xfId="0" applyFont="1" applyFill="1" applyBorder="1" applyAlignment="1">
      <alignment horizontal="left" vertical="center"/>
    </xf>
    <xf numFmtId="0" fontId="8" fillId="0" borderId="17" xfId="0" applyFont="1" applyFill="1" applyBorder="1" applyAlignment="1">
      <alignment horizontal="left" vertical="center"/>
    </xf>
    <xf numFmtId="0" fontId="8" fillId="0" borderId="28" xfId="0" applyFont="1" applyFill="1" applyBorder="1" applyAlignment="1">
      <alignment vertical="center" wrapText="1"/>
    </xf>
    <xf numFmtId="0" fontId="8" fillId="0" borderId="1" xfId="0" applyFont="1" applyFill="1" applyBorder="1" applyAlignment="1">
      <alignment vertical="center" wrapText="1"/>
    </xf>
    <xf numFmtId="0" fontId="0" fillId="0" borderId="42" xfId="0" applyFont="1" applyFill="1" applyBorder="1" applyAlignment="1">
      <alignment horizontal="left" vertical="center"/>
    </xf>
    <xf numFmtId="0" fontId="0" fillId="0" borderId="43" xfId="0" applyFont="1" applyFill="1" applyBorder="1" applyAlignment="1">
      <alignment horizontal="left" vertical="center"/>
    </xf>
    <xf numFmtId="0" fontId="0" fillId="0" borderId="49" xfId="0" applyFont="1" applyFill="1" applyBorder="1" applyAlignment="1">
      <alignment horizontal="left" vertical="center"/>
    </xf>
    <xf numFmtId="0" fontId="0" fillId="0" borderId="50" xfId="0" applyFont="1" applyFill="1" applyBorder="1" applyAlignment="1">
      <alignment horizontal="left" vertical="center"/>
    </xf>
    <xf numFmtId="0" fontId="8" fillId="0" borderId="37" xfId="0" applyFont="1" applyFill="1" applyBorder="1" applyAlignment="1">
      <alignment vertical="center"/>
    </xf>
    <xf numFmtId="0" fontId="0" fillId="0" borderId="27" xfId="0" applyFont="1" applyFill="1" applyBorder="1" applyAlignment="1">
      <alignment horizontal="left" vertical="center"/>
    </xf>
    <xf numFmtId="0" fontId="0" fillId="0" borderId="40" xfId="0" applyFont="1" applyFill="1" applyBorder="1" applyAlignment="1">
      <alignment vertical="center"/>
    </xf>
    <xf numFmtId="0" fontId="8" fillId="0" borderId="40" xfId="0" applyFont="1" applyFill="1" applyBorder="1" applyAlignment="1">
      <alignment vertical="center"/>
    </xf>
    <xf numFmtId="0" fontId="8" fillId="0" borderId="41" xfId="0" applyFont="1" applyFill="1" applyBorder="1" applyAlignment="1">
      <alignment vertical="center"/>
    </xf>
    <xf numFmtId="0" fontId="8" fillId="0" borderId="49" xfId="0" applyFont="1" applyFill="1" applyBorder="1" applyAlignment="1">
      <alignment vertical="center"/>
    </xf>
    <xf numFmtId="0" fontId="0" fillId="0" borderId="49" xfId="0" applyFont="1" applyFill="1" applyBorder="1" applyAlignment="1">
      <alignment vertical="center"/>
    </xf>
    <xf numFmtId="0" fontId="8" fillId="0" borderId="15" xfId="0" applyFont="1" applyFill="1" applyBorder="1" applyAlignment="1">
      <alignment vertical="center"/>
    </xf>
    <xf numFmtId="0" fontId="8" fillId="0" borderId="43" xfId="0" applyFont="1" applyFill="1" applyBorder="1" applyAlignment="1">
      <alignment horizontal="left" vertical="center"/>
    </xf>
    <xf numFmtId="0" fontId="0" fillId="0" borderId="5" xfId="0" applyFont="1" applyFill="1" applyBorder="1" applyAlignment="1">
      <alignment horizontal="left" vertical="center"/>
    </xf>
    <xf numFmtId="0" fontId="0" fillId="0" borderId="15" xfId="0" applyFont="1" applyFill="1" applyBorder="1" applyAlignment="1">
      <alignment horizontal="left" vertical="center"/>
    </xf>
    <xf numFmtId="0" fontId="8" fillId="0" borderId="50" xfId="0" applyFont="1" applyFill="1" applyBorder="1" applyAlignment="1">
      <alignment horizontal="left" vertical="center"/>
    </xf>
    <xf numFmtId="0" fontId="15" fillId="0" borderId="40" xfId="0" applyFont="1" applyFill="1" applyBorder="1" applyAlignment="1">
      <alignment horizontal="left" vertical="center"/>
    </xf>
    <xf numFmtId="0" fontId="15" fillId="0" borderId="41" xfId="0" applyFont="1" applyFill="1" applyBorder="1" applyAlignment="1">
      <alignment horizontal="left" vertical="center"/>
    </xf>
    <xf numFmtId="0" fontId="8" fillId="0" borderId="27" xfId="0" applyFont="1" applyFill="1" applyBorder="1" applyAlignment="1">
      <alignment horizontal="center" vertical="center"/>
    </xf>
    <xf numFmtId="0" fontId="8" fillId="0" borderId="29" xfId="0" applyFont="1" applyFill="1" applyBorder="1" applyAlignment="1">
      <alignment vertical="center" wrapText="1"/>
    </xf>
    <xf numFmtId="0" fontId="8" fillId="0" borderId="29" xfId="0" applyFont="1" applyFill="1" applyBorder="1" applyAlignment="1">
      <alignment vertical="center"/>
    </xf>
    <xf numFmtId="0" fontId="8" fillId="0" borderId="41" xfId="0" applyFont="1" applyFill="1" applyBorder="1" applyAlignment="1">
      <alignment horizontal="left" vertical="center"/>
    </xf>
    <xf numFmtId="0" fontId="0" fillId="0" borderId="38" xfId="0" applyFont="1" applyFill="1" applyBorder="1" applyAlignment="1">
      <alignment horizontal="left" vertical="center"/>
    </xf>
    <xf numFmtId="0" fontId="0" fillId="0" borderId="41" xfId="0" applyFont="1" applyFill="1" applyBorder="1" applyAlignment="1">
      <alignment horizontal="left" vertical="center"/>
    </xf>
    <xf numFmtId="0" fontId="0" fillId="0" borderId="0" xfId="0" applyAlignment="1">
      <alignment horizontal="center" vertical="center"/>
    </xf>
    <xf numFmtId="0" fontId="8" fillId="0" borderId="17" xfId="0" applyFont="1" applyFill="1" applyBorder="1" applyAlignment="1">
      <alignment vertical="center"/>
    </xf>
    <xf numFmtId="0" fontId="8" fillId="0" borderId="16" xfId="0" applyFont="1" applyFill="1" applyBorder="1" applyAlignment="1">
      <alignment vertical="center"/>
    </xf>
    <xf numFmtId="0" fontId="8" fillId="0" borderId="17" xfId="0" applyFont="1" applyFill="1" applyBorder="1" applyAlignment="1">
      <alignment vertical="center" wrapText="1"/>
    </xf>
    <xf numFmtId="0" fontId="0" fillId="0" borderId="16" xfId="0" applyBorder="1" applyAlignment="1">
      <alignment horizontal="center" vertical="center"/>
    </xf>
    <xf numFmtId="0" fontId="0" fillId="0" borderId="13" xfId="0" applyFont="1" applyFill="1" applyBorder="1" applyAlignment="1">
      <alignment vertical="center"/>
    </xf>
    <xf numFmtId="0" fontId="0" fillId="0" borderId="39" xfId="0" applyBorder="1" applyAlignment="1">
      <alignment horizontal="center" vertical="center"/>
    </xf>
    <xf numFmtId="0" fontId="0" fillId="0" borderId="40" xfId="0" applyBorder="1" applyAlignment="1">
      <alignment horizontal="center" vertical="center"/>
    </xf>
    <xf numFmtId="0" fontId="0" fillId="0" borderId="65" xfId="0" applyBorder="1" applyAlignment="1">
      <alignment horizontal="center" vertical="center"/>
    </xf>
    <xf numFmtId="0" fontId="0" fillId="0" borderId="36" xfId="0" applyBorder="1" applyAlignment="1">
      <alignment horizontal="center" vertical="center"/>
    </xf>
    <xf numFmtId="0" fontId="0" fillId="0" borderId="37" xfId="0" applyFont="1" applyFill="1" applyBorder="1" applyAlignment="1">
      <alignment vertical="center"/>
    </xf>
    <xf numFmtId="0" fontId="0" fillId="0" borderId="37"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38" xfId="0" applyFont="1" applyFill="1" applyBorder="1" applyAlignment="1">
      <alignment vertical="center"/>
    </xf>
    <xf numFmtId="0" fontId="0" fillId="0" borderId="15" xfId="0" applyFont="1" applyFill="1" applyBorder="1" applyAlignment="1">
      <alignment vertical="center"/>
    </xf>
    <xf numFmtId="0" fontId="0" fillId="0" borderId="27" xfId="0" applyFont="1" applyFill="1" applyBorder="1" applyAlignment="1">
      <alignment vertical="center"/>
    </xf>
    <xf numFmtId="0" fontId="0" fillId="0" borderId="4" xfId="0" applyFont="1" applyFill="1" applyBorder="1" applyAlignment="1">
      <alignment horizontal="left" vertical="center"/>
    </xf>
    <xf numFmtId="0" fontId="0" fillId="0" borderId="1" xfId="0" applyFont="1" applyFill="1" applyBorder="1" applyAlignment="1">
      <alignment horizontal="left" vertical="center"/>
    </xf>
    <xf numFmtId="0" fontId="8" fillId="0" borderId="28" xfId="0" applyFont="1" applyFill="1" applyBorder="1" applyAlignment="1">
      <alignment vertical="center" wrapText="1" shrinkToFit="1"/>
    </xf>
    <xf numFmtId="0" fontId="8" fillId="0" borderId="0" xfId="0" applyFont="1" applyFill="1" applyBorder="1" applyAlignment="1">
      <alignment horizontal="left" vertical="top"/>
    </xf>
    <xf numFmtId="0" fontId="8" fillId="0" borderId="0" xfId="0" applyFont="1" applyFill="1" applyAlignment="1">
      <alignment horizontal="left" vertical="top"/>
    </xf>
    <xf numFmtId="0" fontId="5" fillId="0" borderId="2" xfId="43" applyFill="1" applyBorder="1">
      <alignment vertical="center"/>
    </xf>
    <xf numFmtId="0" fontId="5" fillId="0" borderId="2" xfId="43" applyFill="1" applyBorder="1" applyAlignment="1">
      <alignment horizontal="center" vertical="center"/>
    </xf>
    <xf numFmtId="0" fontId="5" fillId="33" borderId="0" xfId="43" applyFill="1">
      <alignment vertical="center"/>
    </xf>
    <xf numFmtId="0" fontId="5" fillId="33" borderId="0" xfId="43" applyFill="1" applyAlignment="1">
      <alignment horizontal="right" vertical="center"/>
    </xf>
    <xf numFmtId="0" fontId="5" fillId="33" borderId="0" xfId="43" applyFill="1" applyAlignment="1">
      <alignment horizontal="center" vertical="center"/>
    </xf>
    <xf numFmtId="0" fontId="5" fillId="34" borderId="0" xfId="43" applyFill="1" applyAlignment="1">
      <alignment horizontal="center" vertical="center"/>
    </xf>
    <xf numFmtId="0" fontId="39" fillId="33" borderId="0" xfId="43" applyFont="1" applyFill="1" applyAlignment="1">
      <alignment horizontal="center" vertical="center"/>
    </xf>
    <xf numFmtId="0" fontId="5" fillId="33" borderId="0" xfId="43" applyFill="1" applyBorder="1" applyAlignment="1">
      <alignment horizontal="center" vertical="center" shrinkToFit="1"/>
    </xf>
    <xf numFmtId="0" fontId="5" fillId="33" borderId="27" xfId="43" applyFill="1" applyBorder="1" applyAlignment="1">
      <alignment horizontal="center" vertical="center"/>
    </xf>
    <xf numFmtId="0" fontId="40" fillId="33" borderId="0" xfId="43" applyFont="1" applyFill="1">
      <alignment vertical="center"/>
    </xf>
    <xf numFmtId="0" fontId="5" fillId="34" borderId="2" xfId="43" applyFill="1" applyBorder="1" applyAlignment="1">
      <alignment horizontal="center" vertical="center"/>
    </xf>
    <xf numFmtId="0" fontId="5" fillId="33" borderId="2" xfId="43" applyFill="1" applyBorder="1">
      <alignment vertical="center"/>
    </xf>
    <xf numFmtId="177" fontId="5" fillId="33" borderId="33" xfId="43" applyNumberFormat="1" applyFill="1" applyBorder="1" applyAlignment="1">
      <alignment horizontal="center" vertical="center"/>
    </xf>
    <xf numFmtId="0" fontId="43" fillId="33" borderId="66" xfId="43" applyFont="1" applyFill="1" applyBorder="1" applyAlignment="1">
      <alignment vertical="center" wrapText="1"/>
    </xf>
    <xf numFmtId="38" fontId="42" fillId="34" borderId="66" xfId="44" applyFont="1" applyFill="1" applyBorder="1">
      <alignment vertical="center"/>
    </xf>
    <xf numFmtId="0" fontId="5" fillId="33" borderId="66" xfId="43" applyFill="1" applyBorder="1">
      <alignment vertical="center"/>
    </xf>
    <xf numFmtId="0" fontId="5" fillId="33" borderId="31" xfId="43" applyFill="1" applyBorder="1" applyAlignment="1">
      <alignment horizontal="center" vertical="center"/>
    </xf>
    <xf numFmtId="0" fontId="43" fillId="33" borderId="67" xfId="43" applyFont="1" applyFill="1" applyBorder="1" applyAlignment="1">
      <alignment vertical="center" wrapText="1"/>
    </xf>
    <xf numFmtId="38" fontId="42" fillId="34" borderId="67" xfId="44" applyFont="1" applyFill="1" applyBorder="1">
      <alignment vertical="center"/>
    </xf>
    <xf numFmtId="0" fontId="5" fillId="33" borderId="67" xfId="43" applyFill="1" applyBorder="1">
      <alignment vertical="center"/>
    </xf>
    <xf numFmtId="0" fontId="43" fillId="33" borderId="68" xfId="43" applyFont="1" applyFill="1" applyBorder="1" applyAlignment="1">
      <alignment vertical="center" wrapText="1"/>
    </xf>
    <xf numFmtId="38" fontId="42" fillId="34" borderId="68" xfId="44" applyFont="1" applyFill="1" applyBorder="1">
      <alignment vertical="center"/>
    </xf>
    <xf numFmtId="0" fontId="5" fillId="33" borderId="68" xfId="43" applyFill="1" applyBorder="1">
      <alignment vertical="center"/>
    </xf>
    <xf numFmtId="0" fontId="5" fillId="33" borderId="0" xfId="43" applyFill="1" applyBorder="1" applyAlignment="1">
      <alignment horizontal="center" vertical="center"/>
    </xf>
    <xf numFmtId="178" fontId="0" fillId="33" borderId="0" xfId="44" applyNumberFormat="1" applyFont="1" applyFill="1" applyBorder="1" applyAlignment="1">
      <alignment horizontal="center" vertical="center"/>
    </xf>
    <xf numFmtId="0" fontId="5" fillId="33" borderId="0" xfId="43" applyFill="1" applyBorder="1" applyAlignment="1">
      <alignment vertical="center" wrapText="1"/>
    </xf>
    <xf numFmtId="38" fontId="0" fillId="33" borderId="0" xfId="44" applyFont="1" applyFill="1" applyBorder="1">
      <alignment vertical="center"/>
    </xf>
    <xf numFmtId="0" fontId="5" fillId="33" borderId="0" xfId="43" applyFill="1" applyBorder="1">
      <alignment vertical="center"/>
    </xf>
    <xf numFmtId="179" fontId="5" fillId="33" borderId="7" xfId="43" applyNumberFormat="1" applyFill="1" applyBorder="1" applyAlignment="1">
      <alignment horizontal="center" vertical="center"/>
    </xf>
    <xf numFmtId="180" fontId="42" fillId="33" borderId="0" xfId="45" applyNumberFormat="1" applyFont="1" applyFill="1" applyBorder="1" applyAlignment="1">
      <alignment horizontal="center" vertical="center"/>
    </xf>
    <xf numFmtId="0" fontId="44" fillId="33" borderId="66" xfId="43" applyFont="1" applyFill="1" applyBorder="1" applyAlignment="1">
      <alignment vertical="center" wrapText="1"/>
    </xf>
    <xf numFmtId="0" fontId="44" fillId="33" borderId="67" xfId="43" applyFont="1" applyFill="1" applyBorder="1" applyAlignment="1">
      <alignment vertical="center" wrapText="1"/>
    </xf>
    <xf numFmtId="0" fontId="44" fillId="33" borderId="68" xfId="43" applyFont="1" applyFill="1" applyBorder="1" applyAlignment="1">
      <alignment vertical="center" wrapText="1"/>
    </xf>
    <xf numFmtId="0" fontId="5" fillId="33" borderId="0" xfId="43" applyFill="1" applyAlignment="1">
      <alignment horizontal="left" vertical="center"/>
    </xf>
    <xf numFmtId="0" fontId="8" fillId="0" borderId="0" xfId="0" applyFont="1" applyFill="1" applyAlignment="1">
      <alignment horizontal="left" vertical="center"/>
    </xf>
    <xf numFmtId="0" fontId="8" fillId="0" borderId="0" xfId="0" applyFont="1" applyFill="1" applyAlignment="1">
      <alignment horizontal="center" vertical="center"/>
    </xf>
    <xf numFmtId="0" fontId="5" fillId="34" borderId="0" xfId="43" applyFill="1" applyAlignment="1">
      <alignment horizontal="center" vertical="center"/>
    </xf>
    <xf numFmtId="177" fontId="5" fillId="34" borderId="33" xfId="43" applyNumberFormat="1" applyFill="1" applyBorder="1" applyAlignment="1">
      <alignment horizontal="center" vertical="center"/>
    </xf>
    <xf numFmtId="0" fontId="5" fillId="34" borderId="31" xfId="43" applyFill="1" applyBorder="1" applyAlignment="1">
      <alignment horizontal="center" vertical="center"/>
    </xf>
    <xf numFmtId="177" fontId="4" fillId="34" borderId="33" xfId="43" applyNumberFormat="1" applyFont="1" applyFill="1" applyBorder="1" applyAlignment="1">
      <alignment horizontal="center" vertical="center"/>
    </xf>
    <xf numFmtId="0" fontId="8" fillId="0" borderId="40" xfId="0" applyFont="1" applyFill="1" applyBorder="1" applyAlignment="1">
      <alignment horizontal="left" vertical="center"/>
    </xf>
    <xf numFmtId="0" fontId="8" fillId="0" borderId="29" xfId="0" applyFont="1" applyFill="1" applyBorder="1" applyAlignment="1">
      <alignment horizontal="left" vertical="center" wrapText="1"/>
    </xf>
    <xf numFmtId="0" fontId="0" fillId="0" borderId="17" xfId="0" applyBorder="1" applyAlignment="1">
      <alignment horizontal="center" vertical="center"/>
    </xf>
    <xf numFmtId="0" fontId="0" fillId="0" borderId="48" xfId="0" applyBorder="1" applyAlignment="1">
      <alignment horizontal="center" vertical="center"/>
    </xf>
    <xf numFmtId="0" fontId="8" fillId="0" borderId="42" xfId="0" applyFont="1" applyFill="1" applyBorder="1" applyAlignment="1">
      <alignment horizontal="left" vertical="center"/>
    </xf>
    <xf numFmtId="0" fontId="8" fillId="0" borderId="0" xfId="0" applyFont="1" applyFill="1" applyBorder="1" applyAlignment="1">
      <alignment horizontal="left" vertical="center"/>
    </xf>
    <xf numFmtId="0" fontId="8" fillId="0" borderId="49" xfId="0" applyFont="1" applyFill="1" applyBorder="1" applyAlignment="1">
      <alignment horizontal="left" vertical="center"/>
    </xf>
    <xf numFmtId="0" fontId="0" fillId="0" borderId="49" xfId="0" applyBorder="1" applyAlignment="1">
      <alignment horizontal="center" vertical="center"/>
    </xf>
    <xf numFmtId="0" fontId="8" fillId="0" borderId="28" xfId="0" applyFont="1" applyFill="1" applyBorder="1" applyAlignment="1">
      <alignment horizontal="left" vertical="center"/>
    </xf>
    <xf numFmtId="0" fontId="8" fillId="0" borderId="29" xfId="0" applyFont="1" applyFill="1" applyBorder="1" applyAlignment="1">
      <alignment horizontal="left" vertical="center"/>
    </xf>
    <xf numFmtId="0" fontId="8" fillId="0" borderId="31" xfId="0" applyFont="1" applyFill="1" applyBorder="1" applyAlignment="1">
      <alignment vertical="center" wrapText="1"/>
    </xf>
    <xf numFmtId="0" fontId="8" fillId="0" borderId="3"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6" xfId="0" applyFont="1" applyFill="1" applyBorder="1" applyAlignment="1">
      <alignment horizontal="center" vertical="center"/>
    </xf>
    <xf numFmtId="0" fontId="8" fillId="0" borderId="15" xfId="0" applyFont="1" applyFill="1" applyBorder="1" applyAlignment="1">
      <alignment horizontal="center" vertical="center"/>
    </xf>
    <xf numFmtId="0" fontId="8" fillId="0" borderId="25" xfId="0" applyFont="1" applyFill="1" applyBorder="1" applyAlignment="1">
      <alignment vertical="center" wrapText="1"/>
    </xf>
    <xf numFmtId="0" fontId="8" fillId="0" borderId="33" xfId="0" applyFont="1" applyFill="1" applyBorder="1" applyAlignment="1">
      <alignment vertical="center" wrapText="1"/>
    </xf>
    <xf numFmtId="0" fontId="8" fillId="0" borderId="5" xfId="0" applyFont="1" applyFill="1" applyBorder="1" applyAlignment="1">
      <alignment horizontal="left" vertical="center"/>
    </xf>
    <xf numFmtId="0" fontId="8" fillId="0" borderId="0" xfId="0" applyFont="1" applyFill="1" applyAlignment="1">
      <alignment horizontal="left" vertical="center"/>
    </xf>
    <xf numFmtId="0" fontId="8" fillId="0" borderId="0" xfId="0" applyFont="1" applyFill="1" applyAlignment="1">
      <alignment horizontal="center" vertical="center"/>
    </xf>
    <xf numFmtId="0" fontId="8" fillId="0" borderId="37" xfId="0" applyFont="1" applyFill="1" applyBorder="1" applyAlignment="1">
      <alignment horizontal="left" vertical="center"/>
    </xf>
    <xf numFmtId="0" fontId="8" fillId="0" borderId="3" xfId="0" applyFont="1" applyFill="1" applyBorder="1" applyAlignment="1">
      <alignment horizontal="left" vertical="center" wrapText="1"/>
    </xf>
    <xf numFmtId="0" fontId="8" fillId="0" borderId="17" xfId="0" applyFont="1" applyFill="1" applyBorder="1" applyAlignment="1">
      <alignment horizontal="left" vertical="center" wrapText="1"/>
    </xf>
    <xf numFmtId="0" fontId="8" fillId="0" borderId="16" xfId="0" applyFont="1" applyFill="1" applyBorder="1" applyAlignment="1">
      <alignment horizontal="left" vertical="center" wrapText="1"/>
    </xf>
    <xf numFmtId="0" fontId="8" fillId="0" borderId="5" xfId="0" applyFont="1" applyFill="1" applyBorder="1" applyAlignment="1">
      <alignment horizontal="left" vertical="center" wrapText="1"/>
    </xf>
    <xf numFmtId="0" fontId="8" fillId="0" borderId="15" xfId="0" applyFont="1" applyFill="1" applyBorder="1" applyAlignment="1">
      <alignment horizontal="left" vertical="center" wrapText="1"/>
    </xf>
    <xf numFmtId="0" fontId="8" fillId="0" borderId="0" xfId="0" applyFont="1" applyFill="1" applyAlignment="1">
      <alignment horizontal="left" vertical="center"/>
    </xf>
    <xf numFmtId="0" fontId="2" fillId="33" borderId="0" xfId="43" applyFont="1" applyFill="1">
      <alignment vertical="center"/>
    </xf>
    <xf numFmtId="0" fontId="14" fillId="0" borderId="32" xfId="0" applyFont="1" applyFill="1" applyBorder="1" applyAlignment="1">
      <alignment horizontal="center" vertical="center"/>
    </xf>
    <xf numFmtId="0" fontId="14" fillId="0" borderId="9" xfId="0" applyFont="1" applyFill="1" applyBorder="1" applyAlignment="1">
      <alignment horizontal="center" vertical="center"/>
    </xf>
    <xf numFmtId="0" fontId="14" fillId="0" borderId="8" xfId="0" applyFont="1" applyFill="1" applyBorder="1" applyAlignment="1">
      <alignment horizontal="center" vertical="center"/>
    </xf>
    <xf numFmtId="0" fontId="8" fillId="0" borderId="42" xfId="0" applyFont="1" applyFill="1" applyBorder="1" applyAlignment="1">
      <alignment horizontal="left" vertical="center"/>
    </xf>
    <xf numFmtId="0" fontId="8" fillId="0" borderId="5" xfId="0" applyFont="1" applyFill="1" applyBorder="1" applyAlignment="1">
      <alignment horizontal="left" vertical="center"/>
    </xf>
    <xf numFmtId="0" fontId="8" fillId="0" borderId="64" xfId="0" applyFont="1" applyFill="1" applyBorder="1" applyAlignment="1">
      <alignment horizontal="left" vertical="center" wrapText="1"/>
    </xf>
    <xf numFmtId="0" fontId="8" fillId="0" borderId="35" xfId="0" applyFont="1" applyFill="1" applyBorder="1" applyAlignment="1">
      <alignment horizontal="left" vertical="center" wrapText="1"/>
    </xf>
    <xf numFmtId="0" fontId="8" fillId="0" borderId="42" xfId="0" applyFont="1" applyFill="1" applyBorder="1" applyAlignment="1">
      <alignment horizontal="center" vertical="center" wrapText="1"/>
    </xf>
    <xf numFmtId="0" fontId="8" fillId="0" borderId="49" xfId="0" applyFont="1" applyFill="1" applyBorder="1" applyAlignment="1">
      <alignment horizontal="center" vertical="center" wrapText="1"/>
    </xf>
    <xf numFmtId="0" fontId="8" fillId="0" borderId="49" xfId="0" applyFont="1" applyFill="1" applyBorder="1" applyAlignment="1">
      <alignment horizontal="left" vertical="center"/>
    </xf>
    <xf numFmtId="0" fontId="8" fillId="0" borderId="45" xfId="0" applyFont="1" applyFill="1" applyBorder="1" applyAlignment="1">
      <alignment horizontal="center" vertical="center" wrapText="1"/>
    </xf>
    <xf numFmtId="0" fontId="8" fillId="0" borderId="16" xfId="0" applyFont="1" applyFill="1" applyBorder="1" applyAlignment="1">
      <alignment horizontal="center" vertical="center" wrapText="1"/>
    </xf>
    <xf numFmtId="0" fontId="8" fillId="0" borderId="5" xfId="0" applyFont="1" applyFill="1" applyBorder="1" applyAlignment="1">
      <alignment horizontal="center" vertical="center" wrapText="1"/>
    </xf>
    <xf numFmtId="0" fontId="8" fillId="0" borderId="25" xfId="0" applyFont="1" applyFill="1" applyBorder="1" applyAlignment="1">
      <alignment horizontal="left" vertical="center"/>
    </xf>
    <xf numFmtId="0" fontId="8" fillId="0" borderId="0" xfId="0" applyFont="1" applyFill="1" applyBorder="1" applyAlignment="1">
      <alignment horizontal="left" vertical="center"/>
    </xf>
    <xf numFmtId="0" fontId="8" fillId="0" borderId="0" xfId="0" applyFont="1" applyFill="1" applyBorder="1" applyAlignment="1">
      <alignment horizontal="center" vertical="center" wrapText="1"/>
    </xf>
    <xf numFmtId="0" fontId="8" fillId="0" borderId="3" xfId="0" applyFont="1" applyFill="1" applyBorder="1" applyAlignment="1">
      <alignment horizontal="center" vertical="center"/>
    </xf>
    <xf numFmtId="0" fontId="8" fillId="0" borderId="4"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6" xfId="0" applyFont="1" applyFill="1" applyBorder="1" applyAlignment="1">
      <alignment horizontal="center" vertical="center"/>
    </xf>
    <xf numFmtId="0" fontId="8" fillId="0" borderId="5" xfId="0" applyFont="1" applyFill="1" applyBorder="1" applyAlignment="1">
      <alignment horizontal="center" vertical="center"/>
    </xf>
    <xf numFmtId="0" fontId="8" fillId="0" borderId="15" xfId="0" applyFont="1" applyFill="1" applyBorder="1" applyAlignment="1">
      <alignment horizontal="center" vertical="center"/>
    </xf>
    <xf numFmtId="0" fontId="8" fillId="0" borderId="31" xfId="0" applyFont="1" applyFill="1" applyBorder="1" applyAlignment="1">
      <alignment horizontal="left" vertical="center"/>
    </xf>
    <xf numFmtId="0" fontId="14" fillId="0" borderId="0" xfId="0" applyFont="1" applyFill="1" applyBorder="1" applyAlignment="1">
      <alignment horizontal="center" vertical="center"/>
    </xf>
    <xf numFmtId="0" fontId="8" fillId="0" borderId="6" xfId="0" applyFont="1" applyFill="1" applyBorder="1" applyAlignment="1">
      <alignment horizontal="center" vertical="center"/>
    </xf>
    <xf numFmtId="0" fontId="8" fillId="0" borderId="7" xfId="0" applyFont="1" applyFill="1" applyBorder="1" applyAlignment="1">
      <alignment horizontal="center" vertical="center"/>
    </xf>
    <xf numFmtId="0" fontId="8" fillId="0" borderId="8" xfId="0" applyFont="1" applyFill="1" applyBorder="1" applyAlignment="1">
      <alignment horizontal="center" vertical="center"/>
    </xf>
    <xf numFmtId="0" fontId="8" fillId="0" borderId="64" xfId="0" applyFont="1" applyFill="1" applyBorder="1" applyAlignment="1">
      <alignment vertical="center" wrapText="1"/>
    </xf>
    <xf numFmtId="0" fontId="8" fillId="0" borderId="35" xfId="0" applyFont="1" applyFill="1" applyBorder="1" applyAlignment="1">
      <alignment vertical="center" wrapText="1"/>
    </xf>
    <xf numFmtId="0" fontId="8" fillId="0" borderId="31" xfId="0" applyFont="1" applyFill="1" applyBorder="1" applyAlignment="1">
      <alignment vertical="center" wrapText="1"/>
    </xf>
    <xf numFmtId="0" fontId="8" fillId="0" borderId="25" xfId="0" applyFont="1" applyFill="1" applyBorder="1" applyAlignment="1">
      <alignment vertical="center" wrapText="1"/>
    </xf>
    <xf numFmtId="0" fontId="8" fillId="0" borderId="33" xfId="0" applyFont="1" applyFill="1" applyBorder="1" applyAlignment="1">
      <alignment vertical="center" wrapText="1"/>
    </xf>
    <xf numFmtId="0" fontId="8" fillId="0" borderId="0" xfId="0" applyFont="1" applyFill="1" applyAlignment="1">
      <alignment horizontal="left" vertical="center" wrapText="1"/>
    </xf>
    <xf numFmtId="0" fontId="8" fillId="0" borderId="0" xfId="0" applyFont="1" applyFill="1" applyAlignment="1">
      <alignment vertical="center" wrapText="1"/>
    </xf>
    <xf numFmtId="0" fontId="8" fillId="0" borderId="0" xfId="0" applyFont="1" applyFill="1" applyAlignment="1">
      <alignment horizontal="left" vertical="center"/>
    </xf>
    <xf numFmtId="0" fontId="11" fillId="0" borderId="25" xfId="0" applyFont="1" applyFill="1" applyBorder="1" applyAlignment="1">
      <alignment horizontal="center" vertical="center" wrapText="1"/>
    </xf>
    <xf numFmtId="0" fontId="0" fillId="0" borderId="33" xfId="0" applyFont="1" applyFill="1" applyBorder="1" applyAlignment="1">
      <alignment horizontal="center" vertical="center" wrapText="1"/>
    </xf>
    <xf numFmtId="0" fontId="0" fillId="0" borderId="31" xfId="0" applyFont="1" applyFill="1" applyBorder="1" applyAlignment="1">
      <alignment horizontal="center" vertical="center" wrapText="1"/>
    </xf>
    <xf numFmtId="0" fontId="11" fillId="0" borderId="2" xfId="0" applyFont="1" applyFill="1" applyBorder="1" applyAlignment="1">
      <alignment horizontal="center" vertical="center" wrapText="1"/>
    </xf>
    <xf numFmtId="0" fontId="11" fillId="0" borderId="33" xfId="0" applyFont="1" applyFill="1" applyBorder="1" applyAlignment="1">
      <alignment horizontal="center" vertical="center" wrapText="1"/>
    </xf>
    <xf numFmtId="0" fontId="11" fillId="0" borderId="31" xfId="0" applyFont="1" applyFill="1" applyBorder="1" applyAlignment="1">
      <alignment horizontal="center" vertical="center" wrapText="1"/>
    </xf>
    <xf numFmtId="0" fontId="11" fillId="0" borderId="6" xfId="0" applyFont="1" applyFill="1" applyBorder="1" applyAlignment="1">
      <alignment horizontal="center" vertical="center"/>
    </xf>
    <xf numFmtId="0" fontId="11" fillId="0" borderId="7" xfId="0" applyFont="1" applyFill="1" applyBorder="1" applyAlignment="1">
      <alignment horizontal="center" vertical="center"/>
    </xf>
    <xf numFmtId="0" fontId="11" fillId="0" borderId="8" xfId="0" applyFont="1" applyFill="1" applyBorder="1" applyAlignment="1">
      <alignment horizontal="center" vertical="center"/>
    </xf>
    <xf numFmtId="0" fontId="11" fillId="0" borderId="26" xfId="0" applyFont="1" applyFill="1" applyBorder="1" applyAlignment="1">
      <alignment horizontal="center" vertical="center" wrapText="1"/>
    </xf>
    <xf numFmtId="0" fontId="11" fillId="0" borderId="26" xfId="0" applyFont="1" applyFill="1" applyBorder="1" applyAlignment="1">
      <alignment horizontal="center" vertical="center" shrinkToFit="1"/>
    </xf>
    <xf numFmtId="0" fontId="11" fillId="0" borderId="51" xfId="0" applyFont="1" applyFill="1" applyBorder="1" applyAlignment="1">
      <alignment horizontal="center" vertical="center"/>
    </xf>
    <xf numFmtId="0" fontId="11" fillId="0" borderId="52" xfId="0" applyFont="1" applyFill="1" applyBorder="1" applyAlignment="1">
      <alignment horizontal="center" vertical="center" wrapText="1"/>
    </xf>
    <xf numFmtId="0" fontId="11" fillId="0" borderId="53" xfId="0" applyFont="1" applyFill="1" applyBorder="1" applyAlignment="1">
      <alignment horizontal="center" vertical="center" wrapText="1"/>
    </xf>
    <xf numFmtId="0" fontId="11" fillId="0" borderId="54" xfId="0" applyFont="1" applyFill="1" applyBorder="1" applyAlignment="1">
      <alignment horizontal="center" vertical="center" wrapText="1"/>
    </xf>
    <xf numFmtId="0" fontId="5" fillId="34" borderId="0" xfId="43" applyFill="1" applyAlignment="1">
      <alignment horizontal="center" vertical="center"/>
    </xf>
    <xf numFmtId="0" fontId="39" fillId="33" borderId="0" xfId="43" applyFont="1" applyFill="1" applyAlignment="1">
      <alignment horizontal="center" vertical="center"/>
    </xf>
    <xf numFmtId="0" fontId="5" fillId="34" borderId="5" xfId="43" applyFill="1" applyBorder="1" applyAlignment="1">
      <alignment horizontal="center" vertical="center" shrinkToFit="1"/>
    </xf>
    <xf numFmtId="0" fontId="5" fillId="34" borderId="7" xfId="43" applyFill="1" applyBorder="1" applyAlignment="1">
      <alignment horizontal="center" vertical="center" shrinkToFit="1"/>
    </xf>
    <xf numFmtId="0" fontId="40" fillId="33" borderId="0" xfId="43" applyFont="1" applyFill="1" applyAlignment="1">
      <alignment horizontal="left" vertical="center"/>
    </xf>
    <xf numFmtId="0" fontId="5" fillId="34" borderId="2" xfId="43" applyFill="1" applyBorder="1" applyAlignment="1">
      <alignment horizontal="center" vertical="center"/>
    </xf>
    <xf numFmtId="178" fontId="42" fillId="34" borderId="2" xfId="44" applyNumberFormat="1" applyFont="1" applyFill="1" applyBorder="1" applyAlignment="1">
      <alignment horizontal="center" vertical="center"/>
    </xf>
    <xf numFmtId="0" fontId="5" fillId="33" borderId="25" xfId="43" applyFill="1" applyBorder="1" applyAlignment="1">
      <alignment horizontal="center" vertical="center"/>
    </xf>
    <xf numFmtId="0" fontId="5" fillId="33" borderId="31" xfId="43" applyFill="1" applyBorder="1" applyAlignment="1">
      <alignment horizontal="center" vertical="center"/>
    </xf>
    <xf numFmtId="179" fontId="42" fillId="33" borderId="3" xfId="43" applyNumberFormat="1" applyFont="1" applyFill="1" applyBorder="1" applyAlignment="1">
      <alignment horizontal="center" vertical="center"/>
    </xf>
    <xf numFmtId="179" fontId="42" fillId="33" borderId="4" xfId="43" applyNumberFormat="1" applyFont="1" applyFill="1" applyBorder="1" applyAlignment="1">
      <alignment horizontal="center" vertical="center"/>
    </xf>
    <xf numFmtId="179" fontId="42" fillId="33" borderId="1" xfId="43" applyNumberFormat="1" applyFont="1" applyFill="1" applyBorder="1" applyAlignment="1">
      <alignment horizontal="center" vertical="center"/>
    </xf>
    <xf numFmtId="179" fontId="42" fillId="33" borderId="16" xfId="43" applyNumberFormat="1" applyFont="1" applyFill="1" applyBorder="1" applyAlignment="1">
      <alignment horizontal="center" vertical="center"/>
    </xf>
    <xf numFmtId="179" fontId="42" fillId="33" borderId="5" xfId="43" applyNumberFormat="1" applyFont="1" applyFill="1" applyBorder="1" applyAlignment="1">
      <alignment horizontal="center" vertical="center"/>
    </xf>
    <xf numFmtId="179" fontId="42" fillId="33" borderId="15" xfId="43" applyNumberFormat="1" applyFont="1" applyFill="1" applyBorder="1" applyAlignment="1">
      <alignment horizontal="center" vertical="center"/>
    </xf>
    <xf numFmtId="0" fontId="5" fillId="33" borderId="2" xfId="43" applyFill="1" applyBorder="1" applyAlignment="1">
      <alignment horizontal="center" vertical="center"/>
    </xf>
    <xf numFmtId="0" fontId="5" fillId="34" borderId="2" xfId="43" applyFill="1" applyBorder="1" applyAlignment="1">
      <alignment horizontal="center" vertical="center" shrinkToFit="1"/>
    </xf>
    <xf numFmtId="0" fontId="5" fillId="33" borderId="5" xfId="43" applyFill="1" applyBorder="1" applyAlignment="1">
      <alignment horizontal="left" vertical="center"/>
    </xf>
    <xf numFmtId="0" fontId="5" fillId="33" borderId="6" xfId="43" applyFill="1" applyBorder="1" applyAlignment="1">
      <alignment horizontal="center" vertical="center"/>
    </xf>
    <xf numFmtId="0" fontId="5" fillId="33" borderId="7" xfId="43" applyFill="1" applyBorder="1" applyAlignment="1">
      <alignment horizontal="center" vertical="center"/>
    </xf>
    <xf numFmtId="0" fontId="5" fillId="33" borderId="8" xfId="43" applyFill="1" applyBorder="1" applyAlignment="1">
      <alignment horizontal="center" vertical="center"/>
    </xf>
    <xf numFmtId="0" fontId="5" fillId="33" borderId="2" xfId="43" applyFill="1" applyBorder="1" applyAlignment="1">
      <alignment horizontal="center" vertical="center" wrapText="1"/>
    </xf>
    <xf numFmtId="0" fontId="5" fillId="33" borderId="2" xfId="43" applyFill="1" applyBorder="1" applyAlignment="1">
      <alignment horizontal="center" vertical="top" wrapText="1"/>
    </xf>
    <xf numFmtId="0" fontId="5" fillId="33" borderId="6" xfId="43" applyFill="1" applyBorder="1" applyAlignment="1">
      <alignment horizontal="center" vertical="center" wrapText="1"/>
    </xf>
    <xf numFmtId="0" fontId="5" fillId="33" borderId="7" xfId="43" applyFill="1" applyBorder="1" applyAlignment="1">
      <alignment horizontal="center" vertical="center" wrapText="1"/>
    </xf>
    <xf numFmtId="0" fontId="5" fillId="33" borderId="8" xfId="43" applyFill="1" applyBorder="1" applyAlignment="1">
      <alignment horizontal="center" vertical="center" wrapText="1"/>
    </xf>
    <xf numFmtId="179" fontId="42" fillId="33" borderId="6" xfId="43" applyNumberFormat="1" applyFont="1" applyFill="1" applyBorder="1" applyAlignment="1">
      <alignment horizontal="center" vertical="center"/>
    </xf>
    <xf numFmtId="179" fontId="42" fillId="33" borderId="7" xfId="43" applyNumberFormat="1" applyFont="1" applyFill="1" applyBorder="1" applyAlignment="1">
      <alignment horizontal="center" vertical="center"/>
    </xf>
    <xf numFmtId="179" fontId="42" fillId="33" borderId="8" xfId="43" applyNumberFormat="1" applyFont="1" applyFill="1" applyBorder="1" applyAlignment="1">
      <alignment horizontal="center" vertical="center"/>
    </xf>
    <xf numFmtId="0" fontId="5" fillId="33" borderId="3" xfId="43" applyFill="1" applyBorder="1" applyAlignment="1">
      <alignment horizontal="center" vertical="center" wrapText="1"/>
    </xf>
    <xf numFmtId="0" fontId="5" fillId="33" borderId="4" xfId="43" applyFill="1" applyBorder="1" applyAlignment="1">
      <alignment horizontal="center" vertical="center" wrapText="1"/>
    </xf>
    <xf numFmtId="0" fontId="5" fillId="33" borderId="1" xfId="43" applyFill="1" applyBorder="1" applyAlignment="1">
      <alignment horizontal="center" vertical="center" wrapText="1"/>
    </xf>
    <xf numFmtId="180" fontId="42" fillId="35" borderId="3" xfId="45" applyNumberFormat="1" applyFont="1" applyFill="1" applyBorder="1" applyAlignment="1">
      <alignment horizontal="center" vertical="center"/>
    </xf>
    <xf numFmtId="180" fontId="42" fillId="35" borderId="4" xfId="45" applyNumberFormat="1" applyFont="1" applyFill="1" applyBorder="1" applyAlignment="1">
      <alignment horizontal="center" vertical="center"/>
    </xf>
    <xf numFmtId="180" fontId="42" fillId="35" borderId="1" xfId="45" applyNumberFormat="1" applyFont="1" applyFill="1" applyBorder="1" applyAlignment="1">
      <alignment horizontal="center" vertical="center"/>
    </xf>
    <xf numFmtId="180" fontId="42" fillId="35" borderId="16" xfId="45" applyNumberFormat="1" applyFont="1" applyFill="1" applyBorder="1" applyAlignment="1">
      <alignment horizontal="center" vertical="center"/>
    </xf>
    <xf numFmtId="180" fontId="42" fillId="35" borderId="5" xfId="45" applyNumberFormat="1" applyFont="1" applyFill="1" applyBorder="1" applyAlignment="1">
      <alignment horizontal="center" vertical="center"/>
    </xf>
    <xf numFmtId="180" fontId="42" fillId="35" borderId="15" xfId="45" applyNumberFormat="1" applyFont="1" applyFill="1" applyBorder="1" applyAlignment="1">
      <alignment horizontal="center" vertical="center"/>
    </xf>
    <xf numFmtId="0" fontId="5" fillId="33" borderId="16" xfId="43" applyFill="1" applyBorder="1" applyAlignment="1">
      <alignment horizontal="center" vertical="center"/>
    </xf>
    <xf numFmtId="0" fontId="5" fillId="33" borderId="5" xfId="43" applyFill="1" applyBorder="1" applyAlignment="1">
      <alignment horizontal="center" vertical="center"/>
    </xf>
    <xf numFmtId="0" fontId="5" fillId="33" borderId="15" xfId="43" applyFill="1" applyBorder="1" applyAlignment="1">
      <alignment horizontal="center" vertical="center"/>
    </xf>
    <xf numFmtId="0" fontId="5" fillId="33" borderId="0" xfId="43" applyFill="1" applyAlignment="1">
      <alignment horizontal="left" vertical="center"/>
    </xf>
    <xf numFmtId="0" fontId="5" fillId="0" borderId="25" xfId="43" applyFill="1" applyBorder="1" applyAlignment="1">
      <alignment horizontal="center" vertical="center"/>
    </xf>
    <xf numFmtId="0" fontId="5" fillId="0" borderId="33" xfId="43" applyFill="1" applyBorder="1" applyAlignment="1">
      <alignment horizontal="center" vertical="center"/>
    </xf>
    <xf numFmtId="0" fontId="5" fillId="0" borderId="31" xfId="43" applyFill="1" applyBorder="1" applyAlignment="1">
      <alignment horizontal="center" vertical="center"/>
    </xf>
    <xf numFmtId="0" fontId="5" fillId="33" borderId="0" xfId="43" applyFill="1" applyAlignment="1">
      <alignment horizontal="left" vertical="center" wrapText="1"/>
    </xf>
    <xf numFmtId="0" fontId="8" fillId="0" borderId="6" xfId="0" applyFont="1" applyBorder="1" applyAlignment="1">
      <alignment horizontal="center" vertical="center" wrapText="1"/>
    </xf>
    <xf numFmtId="0" fontId="8" fillId="0" borderId="7" xfId="0" applyFont="1" applyBorder="1" applyAlignment="1">
      <alignment horizontal="center" vertical="center" wrapText="1"/>
    </xf>
    <xf numFmtId="0" fontId="8" fillId="0" borderId="8" xfId="0" applyFont="1" applyBorder="1" applyAlignment="1">
      <alignment horizontal="center" vertical="center" wrapText="1"/>
    </xf>
    <xf numFmtId="0" fontId="8" fillId="0" borderId="0" xfId="0" applyFont="1" applyAlignment="1">
      <alignment horizontal="center" vertical="center"/>
    </xf>
    <xf numFmtId="0" fontId="8" fillId="0" borderId="25" xfId="0" applyFont="1" applyBorder="1" applyAlignment="1">
      <alignment horizontal="center" vertical="center" textRotation="255" wrapText="1"/>
    </xf>
    <xf numFmtId="0" fontId="8" fillId="0" borderId="33" xfId="0" applyFont="1" applyBorder="1" applyAlignment="1">
      <alignment horizontal="center" vertical="center" textRotation="255" wrapText="1"/>
    </xf>
    <xf numFmtId="0" fontId="8" fillId="0" borderId="31" xfId="0" applyFont="1" applyBorder="1" applyAlignment="1">
      <alignment horizontal="center" vertical="center" textRotation="255" wrapText="1"/>
    </xf>
    <xf numFmtId="0" fontId="8" fillId="0" borderId="3" xfId="0" applyFont="1" applyBorder="1" applyAlignment="1">
      <alignment horizontal="left" vertical="center" wrapText="1"/>
    </xf>
    <xf numFmtId="0" fontId="8" fillId="0" borderId="4" xfId="0" applyFont="1" applyBorder="1" applyAlignment="1">
      <alignment horizontal="left" vertical="center" wrapText="1"/>
    </xf>
    <xf numFmtId="0" fontId="0" fillId="0" borderId="4" xfId="0" applyFont="1" applyBorder="1" applyAlignment="1">
      <alignment horizontal="left" vertical="center" wrapText="1"/>
    </xf>
    <xf numFmtId="0" fontId="8" fillId="0" borderId="17" xfId="0" applyFont="1" applyBorder="1" applyAlignment="1">
      <alignment horizontal="left" vertical="center" wrapText="1"/>
    </xf>
    <xf numFmtId="0" fontId="8" fillId="0" borderId="0" xfId="0" applyFont="1" applyBorder="1" applyAlignment="1">
      <alignment horizontal="left" vertical="center" wrapText="1"/>
    </xf>
    <xf numFmtId="0" fontId="8" fillId="0" borderId="1" xfId="0" applyFont="1" applyBorder="1" applyAlignment="1">
      <alignment horizontal="left" vertical="center" wrapText="1"/>
    </xf>
    <xf numFmtId="0" fontId="8" fillId="0" borderId="27" xfId="0" applyFont="1" applyBorder="1" applyAlignment="1">
      <alignment horizontal="left" vertical="center" wrapText="1"/>
    </xf>
    <xf numFmtId="0" fontId="8" fillId="0" borderId="16" xfId="0" applyFont="1" applyBorder="1" applyAlignment="1">
      <alignment horizontal="left" vertical="center" wrapText="1"/>
    </xf>
    <xf numFmtId="0" fontId="8" fillId="0" borderId="5" xfId="0" applyFont="1" applyBorder="1" applyAlignment="1">
      <alignment horizontal="left" vertical="center" wrapText="1"/>
    </xf>
    <xf numFmtId="0" fontId="8" fillId="0" borderId="15" xfId="0" applyFont="1" applyBorder="1" applyAlignment="1">
      <alignment horizontal="left" vertical="center" wrapText="1"/>
    </xf>
    <xf numFmtId="0" fontId="8" fillId="0" borderId="3" xfId="0" applyFont="1" applyBorder="1" applyAlignment="1">
      <alignment horizontal="justify" vertical="center" wrapText="1"/>
    </xf>
    <xf numFmtId="0" fontId="8" fillId="0" borderId="4" xfId="0" applyFont="1" applyBorder="1" applyAlignment="1">
      <alignment horizontal="justify" vertical="center" wrapText="1"/>
    </xf>
    <xf numFmtId="0" fontId="8" fillId="0" borderId="1" xfId="0" applyFont="1" applyBorder="1" applyAlignment="1">
      <alignment horizontal="justify" vertical="center" wrapText="1"/>
    </xf>
    <xf numFmtId="0" fontId="8" fillId="0" borderId="17" xfId="0" applyFont="1" applyBorder="1" applyAlignment="1">
      <alignment horizontal="justify" vertical="center" wrapText="1"/>
    </xf>
    <xf numFmtId="0" fontId="8" fillId="0" borderId="0" xfId="0" applyFont="1" applyBorder="1" applyAlignment="1">
      <alignment horizontal="justify" vertical="center" wrapText="1"/>
    </xf>
    <xf numFmtId="0" fontId="8" fillId="0" borderId="27" xfId="0" applyFont="1" applyBorder="1" applyAlignment="1">
      <alignment horizontal="justify" vertical="center" wrapText="1"/>
    </xf>
    <xf numFmtId="0" fontId="8" fillId="0" borderId="45" xfId="0" applyFont="1" applyBorder="1" applyAlignment="1">
      <alignment horizontal="justify" vertical="center" wrapText="1"/>
    </xf>
    <xf numFmtId="0" fontId="8" fillId="0" borderId="42" xfId="0" applyFont="1" applyBorder="1" applyAlignment="1">
      <alignment horizontal="justify" vertical="center" wrapText="1"/>
    </xf>
    <xf numFmtId="0" fontId="8" fillId="0" borderId="43" xfId="0" applyFont="1" applyBorder="1" applyAlignment="1">
      <alignment horizontal="justify" vertical="center" wrapText="1"/>
    </xf>
    <xf numFmtId="0" fontId="8" fillId="0" borderId="6" xfId="0" applyFont="1" applyBorder="1" applyAlignment="1">
      <alignment horizontal="left" vertical="center" wrapText="1"/>
    </xf>
    <xf numFmtId="0" fontId="8" fillId="0" borderId="7" xfId="0" applyFont="1" applyBorder="1" applyAlignment="1">
      <alignment horizontal="left" vertical="center" wrapText="1"/>
    </xf>
    <xf numFmtId="0" fontId="8" fillId="0" borderId="8" xfId="0" applyFont="1" applyBorder="1" applyAlignment="1">
      <alignment horizontal="left" vertical="center" wrapText="1"/>
    </xf>
    <xf numFmtId="0" fontId="8" fillId="0" borderId="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1" xfId="0" applyFont="1" applyBorder="1" applyAlignment="1">
      <alignment horizontal="center" vertical="center" wrapText="1"/>
    </xf>
    <xf numFmtId="0" fontId="8" fillId="0" borderId="2" xfId="0" applyFont="1" applyBorder="1" applyAlignment="1">
      <alignment horizontal="left" wrapText="1"/>
    </xf>
    <xf numFmtId="0" fontId="0" fillId="0" borderId="2" xfId="0" applyFont="1" applyBorder="1" applyAlignment="1">
      <alignment horizontal="left" wrapText="1"/>
    </xf>
    <xf numFmtId="0" fontId="0" fillId="0" borderId="6" xfId="0" applyFont="1" applyBorder="1" applyAlignment="1">
      <alignment horizontal="left" wrapText="1"/>
    </xf>
    <xf numFmtId="0" fontId="8" fillId="0" borderId="7" xfId="0" applyFont="1" applyBorder="1" applyAlignment="1">
      <alignment horizontal="center" wrapText="1"/>
    </xf>
    <xf numFmtId="0" fontId="8" fillId="0" borderId="8" xfId="0" applyFont="1" applyBorder="1" applyAlignment="1">
      <alignment horizontal="center" wrapText="1"/>
    </xf>
    <xf numFmtId="0" fontId="8" fillId="0" borderId="6" xfId="0" applyFont="1" applyBorder="1" applyAlignment="1">
      <alignment horizontal="left" shrinkToFit="1"/>
    </xf>
    <xf numFmtId="0" fontId="8" fillId="0" borderId="7" xfId="0" applyFont="1" applyBorder="1" applyAlignment="1">
      <alignment horizontal="left" shrinkToFit="1"/>
    </xf>
    <xf numFmtId="0" fontId="8" fillId="0" borderId="8" xfId="0" applyFont="1" applyBorder="1" applyAlignment="1">
      <alignment horizontal="left" shrinkToFit="1"/>
    </xf>
    <xf numFmtId="0" fontId="8" fillId="0" borderId="7" xfId="0" applyFont="1" applyBorder="1" applyAlignment="1">
      <alignment horizontal="justify" wrapText="1"/>
    </xf>
    <xf numFmtId="0" fontId="8" fillId="0" borderId="2" xfId="0" applyFont="1" applyBorder="1" applyAlignment="1">
      <alignment horizontal="left" vertical="center" wrapText="1"/>
    </xf>
    <xf numFmtId="0" fontId="0" fillId="0" borderId="2" xfId="0" applyFont="1" applyBorder="1" applyAlignment="1">
      <alignment horizontal="left" vertical="center" wrapText="1"/>
    </xf>
    <xf numFmtId="0" fontId="8" fillId="0" borderId="25" xfId="0" applyFont="1" applyBorder="1" applyAlignment="1">
      <alignment horizontal="left" vertical="center" wrapText="1"/>
    </xf>
    <xf numFmtId="0" fontId="0" fillId="0" borderId="25" xfId="0" applyFont="1" applyBorder="1" applyAlignment="1">
      <alignment horizontal="left" vertical="center" wrapText="1"/>
    </xf>
    <xf numFmtId="0" fontId="8" fillId="0" borderId="12" xfId="0" applyFont="1" applyBorder="1" applyAlignment="1">
      <alignment horizontal="justify" vertical="center" wrapText="1"/>
    </xf>
    <xf numFmtId="0" fontId="8" fillId="0" borderId="13" xfId="0" applyFont="1" applyBorder="1" applyAlignment="1">
      <alignment horizontal="justify" vertical="center" wrapText="1"/>
    </xf>
    <xf numFmtId="0" fontId="8" fillId="0" borderId="14" xfId="0" applyFont="1" applyBorder="1" applyAlignment="1">
      <alignment horizontal="justify" vertical="center" wrapText="1"/>
    </xf>
    <xf numFmtId="0" fontId="8" fillId="0" borderId="25" xfId="0" applyFont="1" applyBorder="1" applyAlignment="1">
      <alignment horizontal="center" vertical="center" textRotation="255" shrinkToFit="1"/>
    </xf>
    <xf numFmtId="0" fontId="8" fillId="0" borderId="33" xfId="0" applyFont="1" applyBorder="1" applyAlignment="1">
      <alignment horizontal="center" vertical="center" textRotation="255" shrinkToFit="1"/>
    </xf>
    <xf numFmtId="0" fontId="8" fillId="0" borderId="31" xfId="0" applyFont="1" applyBorder="1" applyAlignment="1">
      <alignment horizontal="center" vertical="center" textRotation="255" shrinkToFit="1"/>
    </xf>
    <xf numFmtId="0" fontId="9" fillId="0" borderId="2" xfId="0" applyFont="1" applyBorder="1" applyAlignment="1">
      <alignment horizontal="left" vertical="center" wrapText="1"/>
    </xf>
    <xf numFmtId="0" fontId="8" fillId="0" borderId="2" xfId="0" applyFont="1" applyBorder="1" applyAlignment="1">
      <alignment horizontal="center" wrapText="1"/>
    </xf>
    <xf numFmtId="0" fontId="8" fillId="0" borderId="3" xfId="0" applyFont="1" applyBorder="1" applyAlignment="1">
      <alignment horizontal="center" shrinkToFit="1"/>
    </xf>
    <xf numFmtId="0" fontId="8" fillId="0" borderId="4" xfId="0" applyFont="1" applyBorder="1" applyAlignment="1">
      <alignment horizontal="center" shrinkToFit="1"/>
    </xf>
    <xf numFmtId="0" fontId="8" fillId="0" borderId="1" xfId="0" applyFont="1" applyBorder="1" applyAlignment="1">
      <alignment horizontal="center" shrinkToFit="1"/>
    </xf>
    <xf numFmtId="0" fontId="8" fillId="0" borderId="16" xfId="0" applyFont="1" applyBorder="1" applyAlignment="1">
      <alignment horizontal="center"/>
    </xf>
    <xf numFmtId="0" fontId="8" fillId="0" borderId="5" xfId="0" applyFont="1" applyBorder="1" applyAlignment="1">
      <alignment horizontal="center"/>
    </xf>
    <xf numFmtId="0" fontId="8" fillId="0" borderId="15" xfId="0" applyFont="1" applyBorder="1" applyAlignment="1">
      <alignment horizontal="center"/>
    </xf>
    <xf numFmtId="0" fontId="8" fillId="0" borderId="16" xfId="0" applyFont="1" applyBorder="1" applyAlignment="1">
      <alignment horizontal="center" shrinkToFit="1"/>
    </xf>
    <xf numFmtId="0" fontId="8" fillId="0" borderId="5" xfId="0" applyFont="1" applyBorder="1" applyAlignment="1">
      <alignment horizontal="center" shrinkToFit="1"/>
    </xf>
    <xf numFmtId="0" fontId="8" fillId="0" borderId="15" xfId="0" applyFont="1" applyBorder="1" applyAlignment="1">
      <alignment horizontal="center" shrinkToFit="1"/>
    </xf>
    <xf numFmtId="0" fontId="8" fillId="0" borderId="7" xfId="0" applyFont="1" applyBorder="1" applyAlignment="1">
      <alignment horizontal="left" vertical="top"/>
    </xf>
    <xf numFmtId="0" fontId="8" fillId="0" borderId="32" xfId="0" applyFont="1" applyBorder="1" applyAlignment="1">
      <alignment horizontal="left" vertical="top"/>
    </xf>
    <xf numFmtId="0" fontId="0" fillId="0" borderId="7" xfId="0" applyFont="1" applyBorder="1" applyAlignment="1">
      <alignment horizontal="left" vertical="top"/>
    </xf>
    <xf numFmtId="0" fontId="0" fillId="0" borderId="32" xfId="0" applyFont="1" applyBorder="1" applyAlignment="1">
      <alignment horizontal="left" vertical="top"/>
    </xf>
    <xf numFmtId="0" fontId="8" fillId="0" borderId="4" xfId="0" applyFont="1" applyBorder="1" applyAlignment="1">
      <alignment horizontal="left" vertical="top"/>
    </xf>
    <xf numFmtId="0" fontId="0" fillId="0" borderId="4" xfId="0" applyFont="1" applyBorder="1" applyAlignment="1">
      <alignment horizontal="left" vertical="top"/>
    </xf>
    <xf numFmtId="0" fontId="0" fillId="0" borderId="44" xfId="0" applyFont="1" applyBorder="1" applyAlignment="1">
      <alignment horizontal="left" vertical="top"/>
    </xf>
    <xf numFmtId="0" fontId="8" fillId="0" borderId="20" xfId="0" applyFont="1" applyBorder="1" applyAlignment="1">
      <alignment horizontal="center" wrapText="1"/>
    </xf>
    <xf numFmtId="0" fontId="8" fillId="0" borderId="1" xfId="0" applyFont="1" applyBorder="1" applyAlignment="1">
      <alignment horizontal="center" wrapText="1"/>
    </xf>
    <xf numFmtId="0" fontId="8" fillId="0" borderId="46" xfId="0" applyFont="1" applyBorder="1" applyAlignment="1">
      <alignment horizontal="center" wrapText="1"/>
    </xf>
    <xf numFmtId="0" fontId="8" fillId="0" borderId="27" xfId="0" applyFont="1" applyBorder="1" applyAlignment="1">
      <alignment horizontal="center" wrapText="1"/>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 xfId="0" applyFont="1" applyBorder="1" applyAlignment="1">
      <alignment horizontal="center" vertical="center"/>
    </xf>
    <xf numFmtId="0" fontId="8" fillId="0" borderId="16" xfId="0" applyFont="1" applyBorder="1" applyAlignment="1">
      <alignment horizontal="center" vertical="center"/>
    </xf>
    <xf numFmtId="0" fontId="8" fillId="0" borderId="5" xfId="0" applyFont="1" applyBorder="1" applyAlignment="1">
      <alignment horizontal="center" vertical="center"/>
    </xf>
    <xf numFmtId="0" fontId="8" fillId="0" borderId="15" xfId="0" applyFont="1" applyBorder="1" applyAlignment="1">
      <alignment horizontal="center" vertical="center"/>
    </xf>
    <xf numFmtId="0" fontId="8" fillId="0" borderId="3" xfId="0" applyFont="1" applyBorder="1" applyAlignment="1">
      <alignment horizontal="left"/>
    </xf>
    <xf numFmtId="0" fontId="8" fillId="0" borderId="4"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xf>
    <xf numFmtId="0" fontId="8" fillId="0" borderId="4" xfId="0" applyFont="1" applyBorder="1" applyAlignment="1">
      <alignment horizontal="center"/>
    </xf>
    <xf numFmtId="0" fontId="8" fillId="0" borderId="1" xfId="0" applyFont="1" applyBorder="1" applyAlignment="1">
      <alignment horizontal="center"/>
    </xf>
    <xf numFmtId="0" fontId="8" fillId="0" borderId="2" xfId="0" applyFont="1" applyBorder="1" applyAlignment="1">
      <alignment horizontal="left" vertical="center"/>
    </xf>
    <xf numFmtId="0" fontId="8" fillId="0" borderId="6" xfId="0" applyFont="1" applyBorder="1" applyAlignment="1">
      <alignment horizontal="left" vertical="center"/>
    </xf>
    <xf numFmtId="0" fontId="8" fillId="0" borderId="3" xfId="0" applyFont="1" applyBorder="1" applyAlignment="1">
      <alignment horizontal="left" vertical="top" wrapText="1"/>
    </xf>
    <xf numFmtId="0" fontId="8" fillId="0" borderId="4" xfId="0" applyFont="1" applyBorder="1" applyAlignment="1">
      <alignment horizontal="left" vertical="top" wrapText="1"/>
    </xf>
    <xf numFmtId="0" fontId="8" fillId="0" borderId="17" xfId="0" applyFont="1" applyBorder="1" applyAlignment="1">
      <alignment horizontal="left" vertical="top" wrapText="1"/>
    </xf>
    <xf numFmtId="0" fontId="8" fillId="0" borderId="0" xfId="0" applyFont="1" applyBorder="1" applyAlignment="1">
      <alignment horizontal="left" vertical="top" wrapText="1"/>
    </xf>
    <xf numFmtId="0" fontId="8" fillId="0" borderId="23" xfId="0" applyFont="1" applyBorder="1" applyAlignment="1">
      <alignment horizontal="left" vertical="top"/>
    </xf>
    <xf numFmtId="0" fontId="8" fillId="0" borderId="47" xfId="0" applyFont="1" applyBorder="1" applyAlignment="1">
      <alignment horizontal="left" vertical="top"/>
    </xf>
    <xf numFmtId="0" fontId="8" fillId="0" borderId="2" xfId="0" applyFont="1" applyBorder="1" applyAlignment="1">
      <alignment horizontal="left" shrinkToFit="1"/>
    </xf>
    <xf numFmtId="0" fontId="8" fillId="0" borderId="6" xfId="0" applyFont="1" applyBorder="1" applyAlignment="1">
      <alignment horizontal="left"/>
    </xf>
    <xf numFmtId="0" fontId="8" fillId="0" borderId="7" xfId="0" applyFont="1" applyBorder="1" applyAlignment="1">
      <alignment horizontal="left"/>
    </xf>
    <xf numFmtId="0" fontId="8" fillId="0" borderId="6" xfId="0" applyFont="1" applyBorder="1" applyAlignment="1">
      <alignment horizontal="center" wrapText="1"/>
    </xf>
    <xf numFmtId="0" fontId="8" fillId="0" borderId="5" xfId="0" applyFont="1" applyBorder="1" applyAlignment="1">
      <alignment horizontal="center" wrapText="1"/>
    </xf>
    <xf numFmtId="0" fontId="8" fillId="0" borderId="15" xfId="0" applyFont="1" applyBorder="1" applyAlignment="1">
      <alignment horizontal="center" wrapText="1"/>
    </xf>
    <xf numFmtId="0" fontId="8" fillId="0" borderId="3" xfId="0" applyFont="1" applyBorder="1" applyAlignment="1">
      <alignment horizontal="center" wrapText="1"/>
    </xf>
    <xf numFmtId="0" fontId="8" fillId="0" borderId="4" xfId="0" applyFont="1" applyBorder="1" applyAlignment="1">
      <alignment horizontal="center" wrapText="1"/>
    </xf>
    <xf numFmtId="0" fontId="8" fillId="0" borderId="17" xfId="0" applyFont="1" applyBorder="1" applyAlignment="1">
      <alignment horizontal="center" wrapText="1"/>
    </xf>
    <xf numFmtId="0" fontId="8" fillId="0" borderId="0" xfId="0" applyFont="1" applyBorder="1" applyAlignment="1">
      <alignment horizontal="center" wrapText="1"/>
    </xf>
    <xf numFmtId="0" fontId="8" fillId="0" borderId="16" xfId="0" applyFont="1" applyBorder="1" applyAlignment="1">
      <alignment horizontal="center" wrapText="1"/>
    </xf>
  </cellXfs>
  <cellStyles count="48">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45"/>
    <cellStyle name="パーセント 2 2" xfId="47"/>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44"/>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2"/>
    <cellStyle name="標準 3" xfId="43"/>
    <cellStyle name="標準 3 2" xfId="46"/>
    <cellStyle name="良い" xfId="41" builtinId="26" customBuiltin="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3.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2"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3"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4"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5"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5</xdr:row>
      <xdr:rowOff>0</xdr:rowOff>
    </xdr:from>
    <xdr:to>
      <xdr:col>4</xdr:col>
      <xdr:colOff>2295097</xdr:colOff>
      <xdr:row>65</xdr:row>
      <xdr:rowOff>0</xdr:rowOff>
    </xdr:to>
    <xdr:sp macro="" textlink="">
      <xdr:nvSpPr>
        <xdr:cNvPr id="16"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7"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8"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9"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20"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21"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1</xdr:row>
      <xdr:rowOff>0</xdr:rowOff>
    </xdr:from>
    <xdr:to>
      <xdr:col>6</xdr:col>
      <xdr:colOff>942640</xdr:colOff>
      <xdr:row>61</xdr:row>
      <xdr:rowOff>0</xdr:rowOff>
    </xdr:to>
    <xdr:sp macro="" textlink="">
      <xdr:nvSpPr>
        <xdr:cNvPr id="22"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5</xdr:row>
      <xdr:rowOff>0</xdr:rowOff>
    </xdr:from>
    <xdr:to>
      <xdr:col>4</xdr:col>
      <xdr:colOff>2248998</xdr:colOff>
      <xdr:row>65</xdr:row>
      <xdr:rowOff>0</xdr:rowOff>
    </xdr:to>
    <xdr:sp macro="" textlink="">
      <xdr:nvSpPr>
        <xdr:cNvPr id="23"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24"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25"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26"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27"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28"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29" name="Text Box 28"/>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30" name="Text Box 29"/>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31" name="Text Box 30"/>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3</xdr:row>
      <xdr:rowOff>0</xdr:rowOff>
    </xdr:from>
    <xdr:to>
      <xdr:col>10</xdr:col>
      <xdr:colOff>323980</xdr:colOff>
      <xdr:row>53</xdr:row>
      <xdr:rowOff>0</xdr:rowOff>
    </xdr:to>
    <xdr:sp macro="" textlink="">
      <xdr:nvSpPr>
        <xdr:cNvPr id="32" name="Text Box 31"/>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0</xdr:row>
      <xdr:rowOff>0</xdr:rowOff>
    </xdr:from>
    <xdr:to>
      <xdr:col>4</xdr:col>
      <xdr:colOff>2295097</xdr:colOff>
      <xdr:row>60</xdr:row>
      <xdr:rowOff>0</xdr:rowOff>
    </xdr:to>
    <xdr:sp macro="" textlink="">
      <xdr:nvSpPr>
        <xdr:cNvPr id="33"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0</xdr:row>
      <xdr:rowOff>0</xdr:rowOff>
    </xdr:from>
    <xdr:to>
      <xdr:col>1</xdr:col>
      <xdr:colOff>1553394</xdr:colOff>
      <xdr:row>60</xdr:row>
      <xdr:rowOff>0</xdr:rowOff>
    </xdr:to>
    <xdr:sp macro="" textlink="">
      <xdr:nvSpPr>
        <xdr:cNvPr id="34"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35"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36"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37"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3</xdr:row>
      <xdr:rowOff>0</xdr:rowOff>
    </xdr:from>
    <xdr:to>
      <xdr:col>0</xdr:col>
      <xdr:colOff>180975</xdr:colOff>
      <xdr:row>53</xdr:row>
      <xdr:rowOff>0</xdr:rowOff>
    </xdr:to>
    <xdr:sp macro="" textlink="">
      <xdr:nvSpPr>
        <xdr:cNvPr id="38" name="Text Box 37"/>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0</xdr:row>
      <xdr:rowOff>0</xdr:rowOff>
    </xdr:from>
    <xdr:to>
      <xdr:col>0</xdr:col>
      <xdr:colOff>180975</xdr:colOff>
      <xdr:row>60</xdr:row>
      <xdr:rowOff>0</xdr:rowOff>
    </xdr:to>
    <xdr:sp macro="" textlink="">
      <xdr:nvSpPr>
        <xdr:cNvPr id="39"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40"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5</xdr:row>
      <xdr:rowOff>0</xdr:rowOff>
    </xdr:from>
    <xdr:to>
      <xdr:col>0</xdr:col>
      <xdr:colOff>180975</xdr:colOff>
      <xdr:row>65</xdr:row>
      <xdr:rowOff>0</xdr:rowOff>
    </xdr:to>
    <xdr:sp macro="" textlink="">
      <xdr:nvSpPr>
        <xdr:cNvPr id="41"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42"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43"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44"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5</xdr:row>
      <xdr:rowOff>0</xdr:rowOff>
    </xdr:from>
    <xdr:to>
      <xdr:col>10</xdr:col>
      <xdr:colOff>323980</xdr:colOff>
      <xdr:row>65</xdr:row>
      <xdr:rowOff>0</xdr:rowOff>
    </xdr:to>
    <xdr:sp macro="" textlink="">
      <xdr:nvSpPr>
        <xdr:cNvPr id="45"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47"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5</xdr:row>
      <xdr:rowOff>0</xdr:rowOff>
    </xdr:from>
    <xdr:to>
      <xdr:col>0</xdr:col>
      <xdr:colOff>180975</xdr:colOff>
      <xdr:row>65</xdr:row>
      <xdr:rowOff>0</xdr:rowOff>
    </xdr:to>
    <xdr:sp macro="" textlink="">
      <xdr:nvSpPr>
        <xdr:cNvPr id="51"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62"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63"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64"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65"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5</xdr:row>
      <xdr:rowOff>0</xdr:rowOff>
    </xdr:from>
    <xdr:to>
      <xdr:col>4</xdr:col>
      <xdr:colOff>2295097</xdr:colOff>
      <xdr:row>65</xdr:row>
      <xdr:rowOff>0</xdr:rowOff>
    </xdr:to>
    <xdr:sp macro="" textlink="">
      <xdr:nvSpPr>
        <xdr:cNvPr id="66"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67"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68"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69"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70"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71"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1</xdr:row>
      <xdr:rowOff>0</xdr:rowOff>
    </xdr:from>
    <xdr:to>
      <xdr:col>6</xdr:col>
      <xdr:colOff>942640</xdr:colOff>
      <xdr:row>61</xdr:row>
      <xdr:rowOff>0</xdr:rowOff>
    </xdr:to>
    <xdr:sp macro="" textlink="">
      <xdr:nvSpPr>
        <xdr:cNvPr id="72"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5</xdr:row>
      <xdr:rowOff>0</xdr:rowOff>
    </xdr:from>
    <xdr:to>
      <xdr:col>4</xdr:col>
      <xdr:colOff>2248998</xdr:colOff>
      <xdr:row>65</xdr:row>
      <xdr:rowOff>0</xdr:rowOff>
    </xdr:to>
    <xdr:sp macro="" textlink="">
      <xdr:nvSpPr>
        <xdr:cNvPr id="73"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74"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75"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76"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77"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78"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79" name="Text Box 28"/>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80" name="Text Box 29"/>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3</xdr:row>
      <xdr:rowOff>0</xdr:rowOff>
    </xdr:from>
    <xdr:to>
      <xdr:col>6</xdr:col>
      <xdr:colOff>467134</xdr:colOff>
      <xdr:row>53</xdr:row>
      <xdr:rowOff>0</xdr:rowOff>
    </xdr:to>
    <xdr:sp macro="" textlink="">
      <xdr:nvSpPr>
        <xdr:cNvPr id="81" name="Text Box 30"/>
        <xdr:cNvSpPr txBox="1"/>
      </xdr:nvSpPr>
      <xdr:spPr bwMode="auto">
        <a:xfrm>
          <a:off x="12895362" y="138303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3</xdr:row>
      <xdr:rowOff>0</xdr:rowOff>
    </xdr:from>
    <xdr:to>
      <xdr:col>10</xdr:col>
      <xdr:colOff>323980</xdr:colOff>
      <xdr:row>53</xdr:row>
      <xdr:rowOff>0</xdr:rowOff>
    </xdr:to>
    <xdr:sp macro="" textlink="">
      <xdr:nvSpPr>
        <xdr:cNvPr id="82" name="Text Box 31"/>
        <xdr:cNvSpPr txBox="1"/>
      </xdr:nvSpPr>
      <xdr:spPr bwMode="auto">
        <a:xfrm>
          <a:off x="15716064" y="138303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0</xdr:row>
      <xdr:rowOff>0</xdr:rowOff>
    </xdr:from>
    <xdr:to>
      <xdr:col>4</xdr:col>
      <xdr:colOff>2295097</xdr:colOff>
      <xdr:row>60</xdr:row>
      <xdr:rowOff>0</xdr:rowOff>
    </xdr:to>
    <xdr:sp macro="" textlink="">
      <xdr:nvSpPr>
        <xdr:cNvPr id="83"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0</xdr:row>
      <xdr:rowOff>0</xdr:rowOff>
    </xdr:from>
    <xdr:to>
      <xdr:col>1</xdr:col>
      <xdr:colOff>1553394</xdr:colOff>
      <xdr:row>60</xdr:row>
      <xdr:rowOff>0</xdr:rowOff>
    </xdr:to>
    <xdr:sp macro="" textlink="">
      <xdr:nvSpPr>
        <xdr:cNvPr id="84"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85"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86"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87"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3</xdr:row>
      <xdr:rowOff>0</xdr:rowOff>
    </xdr:from>
    <xdr:to>
      <xdr:col>0</xdr:col>
      <xdr:colOff>180975</xdr:colOff>
      <xdr:row>53</xdr:row>
      <xdr:rowOff>0</xdr:rowOff>
    </xdr:to>
    <xdr:sp macro="" textlink="">
      <xdr:nvSpPr>
        <xdr:cNvPr id="88" name="Text Box 37"/>
        <xdr:cNvSpPr txBox="1"/>
      </xdr:nvSpPr>
      <xdr:spPr bwMode="auto">
        <a:xfrm>
          <a:off x="9544" y="1383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0</xdr:row>
      <xdr:rowOff>0</xdr:rowOff>
    </xdr:from>
    <xdr:to>
      <xdr:col>0</xdr:col>
      <xdr:colOff>180975</xdr:colOff>
      <xdr:row>60</xdr:row>
      <xdr:rowOff>0</xdr:rowOff>
    </xdr:to>
    <xdr:sp macro="" textlink="">
      <xdr:nvSpPr>
        <xdr:cNvPr id="89"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90"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5</xdr:row>
      <xdr:rowOff>0</xdr:rowOff>
    </xdr:from>
    <xdr:to>
      <xdr:col>0</xdr:col>
      <xdr:colOff>180975</xdr:colOff>
      <xdr:row>65</xdr:row>
      <xdr:rowOff>0</xdr:rowOff>
    </xdr:to>
    <xdr:sp macro="" textlink="">
      <xdr:nvSpPr>
        <xdr:cNvPr id="91"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92"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93"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94"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5</xdr:row>
      <xdr:rowOff>0</xdr:rowOff>
    </xdr:from>
    <xdr:to>
      <xdr:col>10</xdr:col>
      <xdr:colOff>323980</xdr:colOff>
      <xdr:row>65</xdr:row>
      <xdr:rowOff>0</xdr:rowOff>
    </xdr:to>
    <xdr:sp macro="" textlink="">
      <xdr:nvSpPr>
        <xdr:cNvPr id="95"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97"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5</xdr:row>
      <xdr:rowOff>0</xdr:rowOff>
    </xdr:from>
    <xdr:to>
      <xdr:col>0</xdr:col>
      <xdr:colOff>180975</xdr:colOff>
      <xdr:row>65</xdr:row>
      <xdr:rowOff>0</xdr:rowOff>
    </xdr:to>
    <xdr:sp macro="" textlink="">
      <xdr:nvSpPr>
        <xdr:cNvPr id="101"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12"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13"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14"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15"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5</xdr:row>
      <xdr:rowOff>0</xdr:rowOff>
    </xdr:from>
    <xdr:to>
      <xdr:col>4</xdr:col>
      <xdr:colOff>2295097</xdr:colOff>
      <xdr:row>65</xdr:row>
      <xdr:rowOff>0</xdr:rowOff>
    </xdr:to>
    <xdr:sp macro="" textlink="">
      <xdr:nvSpPr>
        <xdr:cNvPr id="116"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17"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18"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19"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20"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121"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1</xdr:row>
      <xdr:rowOff>0</xdr:rowOff>
    </xdr:from>
    <xdr:to>
      <xdr:col>6</xdr:col>
      <xdr:colOff>942640</xdr:colOff>
      <xdr:row>61</xdr:row>
      <xdr:rowOff>0</xdr:rowOff>
    </xdr:to>
    <xdr:sp macro="" textlink="">
      <xdr:nvSpPr>
        <xdr:cNvPr id="122"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5</xdr:row>
      <xdr:rowOff>0</xdr:rowOff>
    </xdr:from>
    <xdr:to>
      <xdr:col>4</xdr:col>
      <xdr:colOff>2248998</xdr:colOff>
      <xdr:row>65</xdr:row>
      <xdr:rowOff>0</xdr:rowOff>
    </xdr:to>
    <xdr:sp macro="" textlink="">
      <xdr:nvSpPr>
        <xdr:cNvPr id="123"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24"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25"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26"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27"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128"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29" name="Text Box 28"/>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30" name="Text Box 29"/>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31" name="Text Box 30"/>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2</xdr:row>
      <xdr:rowOff>0</xdr:rowOff>
    </xdr:from>
    <xdr:to>
      <xdr:col>10</xdr:col>
      <xdr:colOff>323980</xdr:colOff>
      <xdr:row>52</xdr:row>
      <xdr:rowOff>0</xdr:rowOff>
    </xdr:to>
    <xdr:sp macro="" textlink="">
      <xdr:nvSpPr>
        <xdr:cNvPr id="132" name="Text Box 31"/>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0</xdr:row>
      <xdr:rowOff>0</xdr:rowOff>
    </xdr:from>
    <xdr:to>
      <xdr:col>4</xdr:col>
      <xdr:colOff>2295097</xdr:colOff>
      <xdr:row>60</xdr:row>
      <xdr:rowOff>0</xdr:rowOff>
    </xdr:to>
    <xdr:sp macro="" textlink="">
      <xdr:nvSpPr>
        <xdr:cNvPr id="133"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0</xdr:row>
      <xdr:rowOff>0</xdr:rowOff>
    </xdr:from>
    <xdr:to>
      <xdr:col>1</xdr:col>
      <xdr:colOff>1553394</xdr:colOff>
      <xdr:row>60</xdr:row>
      <xdr:rowOff>0</xdr:rowOff>
    </xdr:to>
    <xdr:sp macro="" textlink="">
      <xdr:nvSpPr>
        <xdr:cNvPr id="134"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35"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36"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37"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2</xdr:row>
      <xdr:rowOff>0</xdr:rowOff>
    </xdr:from>
    <xdr:to>
      <xdr:col>0</xdr:col>
      <xdr:colOff>180975</xdr:colOff>
      <xdr:row>52</xdr:row>
      <xdr:rowOff>0</xdr:rowOff>
    </xdr:to>
    <xdr:sp macro="" textlink="">
      <xdr:nvSpPr>
        <xdr:cNvPr id="138" name="Text Box 37"/>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0</xdr:row>
      <xdr:rowOff>0</xdr:rowOff>
    </xdr:from>
    <xdr:to>
      <xdr:col>0</xdr:col>
      <xdr:colOff>180975</xdr:colOff>
      <xdr:row>60</xdr:row>
      <xdr:rowOff>0</xdr:rowOff>
    </xdr:to>
    <xdr:sp macro="" textlink="">
      <xdr:nvSpPr>
        <xdr:cNvPr id="139"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140"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5</xdr:row>
      <xdr:rowOff>0</xdr:rowOff>
    </xdr:from>
    <xdr:to>
      <xdr:col>0</xdr:col>
      <xdr:colOff>180975</xdr:colOff>
      <xdr:row>65</xdr:row>
      <xdr:rowOff>0</xdr:rowOff>
    </xdr:to>
    <xdr:sp macro="" textlink="">
      <xdr:nvSpPr>
        <xdr:cNvPr id="141"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42"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43"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44"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5</xdr:row>
      <xdr:rowOff>0</xdr:rowOff>
    </xdr:from>
    <xdr:to>
      <xdr:col>10</xdr:col>
      <xdr:colOff>323980</xdr:colOff>
      <xdr:row>65</xdr:row>
      <xdr:rowOff>0</xdr:rowOff>
    </xdr:to>
    <xdr:sp macro="" textlink="">
      <xdr:nvSpPr>
        <xdr:cNvPr id="145"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47"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5</xdr:row>
      <xdr:rowOff>0</xdr:rowOff>
    </xdr:from>
    <xdr:to>
      <xdr:col>0</xdr:col>
      <xdr:colOff>180975</xdr:colOff>
      <xdr:row>65</xdr:row>
      <xdr:rowOff>0</xdr:rowOff>
    </xdr:to>
    <xdr:sp macro="" textlink="">
      <xdr:nvSpPr>
        <xdr:cNvPr id="151"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61" name="Text Box 11"/>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62" name="Text Box 12"/>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63" name="Text Box 1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64" name="Text Box 14"/>
        <xdr:cNvSpPr txBox="1"/>
      </xdr:nvSpPr>
      <xdr:spPr bwMode="auto">
        <a:xfrm>
          <a:off x="15716064" y="163353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5</xdr:row>
      <xdr:rowOff>0</xdr:rowOff>
    </xdr:from>
    <xdr:to>
      <xdr:col>4</xdr:col>
      <xdr:colOff>2295097</xdr:colOff>
      <xdr:row>65</xdr:row>
      <xdr:rowOff>0</xdr:rowOff>
    </xdr:to>
    <xdr:sp macro="" textlink="">
      <xdr:nvSpPr>
        <xdr:cNvPr id="165" name="Text Box 15"/>
        <xdr:cNvSpPr txBox="1"/>
      </xdr:nvSpPr>
      <xdr:spPr bwMode="auto">
        <a:xfrm>
          <a:off x="8161400" y="17364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66" name="Text Box 16"/>
        <xdr:cNvSpPr txBox="1"/>
      </xdr:nvSpPr>
      <xdr:spPr bwMode="auto">
        <a:xfrm>
          <a:off x="1161380" y="173640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67" name="Text Box 17"/>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68" name="Text Box 18"/>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69" name="Text Box 19"/>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170" name="Text Box 20"/>
        <xdr:cNvSpPr txBox="1"/>
      </xdr:nvSpPr>
      <xdr:spPr bwMode="auto">
        <a:xfrm>
          <a:off x="9544" y="163353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61</xdr:row>
      <xdr:rowOff>0</xdr:rowOff>
    </xdr:from>
    <xdr:to>
      <xdr:col>6</xdr:col>
      <xdr:colOff>942640</xdr:colOff>
      <xdr:row>61</xdr:row>
      <xdr:rowOff>0</xdr:rowOff>
    </xdr:to>
    <xdr:sp macro="" textlink="">
      <xdr:nvSpPr>
        <xdr:cNvPr id="171" name="Text Box 21"/>
        <xdr:cNvSpPr txBox="1"/>
      </xdr:nvSpPr>
      <xdr:spPr bwMode="auto">
        <a:xfrm>
          <a:off x="13373323" y="163353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5</xdr:row>
      <xdr:rowOff>0</xdr:rowOff>
    </xdr:from>
    <xdr:to>
      <xdr:col>4</xdr:col>
      <xdr:colOff>2248998</xdr:colOff>
      <xdr:row>65</xdr:row>
      <xdr:rowOff>0</xdr:rowOff>
    </xdr:to>
    <xdr:sp macro="" textlink="">
      <xdr:nvSpPr>
        <xdr:cNvPr id="172" name="Text Box 22"/>
        <xdr:cNvSpPr txBox="1"/>
      </xdr:nvSpPr>
      <xdr:spPr bwMode="auto">
        <a:xfrm>
          <a:off x="8085665" y="1736407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73" name="Text Box 23"/>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74" name="Text Box 24"/>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75" name="Text Box 25"/>
        <xdr:cNvSpPr txBox="1"/>
      </xdr:nvSpPr>
      <xdr:spPr bwMode="auto">
        <a:xfrm>
          <a:off x="12895362" y="163353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5</xdr:row>
      <xdr:rowOff>0</xdr:rowOff>
    </xdr:from>
    <xdr:to>
      <xdr:col>4</xdr:col>
      <xdr:colOff>2370832</xdr:colOff>
      <xdr:row>65</xdr:row>
      <xdr:rowOff>0</xdr:rowOff>
    </xdr:to>
    <xdr:sp macro="" textlink="">
      <xdr:nvSpPr>
        <xdr:cNvPr id="176" name="Text Box 26"/>
        <xdr:cNvSpPr txBox="1"/>
      </xdr:nvSpPr>
      <xdr:spPr bwMode="auto">
        <a:xfrm>
          <a:off x="8240427" y="17364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5</xdr:row>
      <xdr:rowOff>0</xdr:rowOff>
    </xdr:from>
    <xdr:to>
      <xdr:col>0</xdr:col>
      <xdr:colOff>180975</xdr:colOff>
      <xdr:row>45</xdr:row>
      <xdr:rowOff>0</xdr:rowOff>
    </xdr:to>
    <xdr:sp macro="" textlink="">
      <xdr:nvSpPr>
        <xdr:cNvPr id="177" name="Text Box 27"/>
        <xdr:cNvSpPr txBox="1"/>
      </xdr:nvSpPr>
      <xdr:spPr bwMode="auto">
        <a:xfrm>
          <a:off x="9544" y="11268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78" name="Text Box 28"/>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79" name="Text Box 29"/>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2</xdr:row>
      <xdr:rowOff>0</xdr:rowOff>
    </xdr:from>
    <xdr:to>
      <xdr:col>6</xdr:col>
      <xdr:colOff>467134</xdr:colOff>
      <xdr:row>52</xdr:row>
      <xdr:rowOff>0</xdr:rowOff>
    </xdr:to>
    <xdr:sp macro="" textlink="">
      <xdr:nvSpPr>
        <xdr:cNvPr id="180" name="Text Box 30"/>
        <xdr:cNvSpPr txBox="1"/>
      </xdr:nvSpPr>
      <xdr:spPr bwMode="auto">
        <a:xfrm>
          <a:off x="12895362" y="135731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2</xdr:row>
      <xdr:rowOff>0</xdr:rowOff>
    </xdr:from>
    <xdr:to>
      <xdr:col>10</xdr:col>
      <xdr:colOff>323980</xdr:colOff>
      <xdr:row>52</xdr:row>
      <xdr:rowOff>0</xdr:rowOff>
    </xdr:to>
    <xdr:sp macro="" textlink="">
      <xdr:nvSpPr>
        <xdr:cNvPr id="181" name="Text Box 31"/>
        <xdr:cNvSpPr txBox="1"/>
      </xdr:nvSpPr>
      <xdr:spPr bwMode="auto">
        <a:xfrm>
          <a:off x="15716064" y="135731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0</xdr:row>
      <xdr:rowOff>0</xdr:rowOff>
    </xdr:from>
    <xdr:to>
      <xdr:col>4</xdr:col>
      <xdr:colOff>2295097</xdr:colOff>
      <xdr:row>60</xdr:row>
      <xdr:rowOff>0</xdr:rowOff>
    </xdr:to>
    <xdr:sp macro="" textlink="">
      <xdr:nvSpPr>
        <xdr:cNvPr id="182" name="Text Box 32"/>
        <xdr:cNvSpPr txBox="1"/>
      </xdr:nvSpPr>
      <xdr:spPr bwMode="auto">
        <a:xfrm>
          <a:off x="8161400" y="160782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0</xdr:row>
      <xdr:rowOff>0</xdr:rowOff>
    </xdr:from>
    <xdr:to>
      <xdr:col>1</xdr:col>
      <xdr:colOff>1553394</xdr:colOff>
      <xdr:row>60</xdr:row>
      <xdr:rowOff>0</xdr:rowOff>
    </xdr:to>
    <xdr:sp macro="" textlink="">
      <xdr:nvSpPr>
        <xdr:cNvPr id="183" name="Text Box 33"/>
        <xdr:cNvSpPr txBox="1"/>
      </xdr:nvSpPr>
      <xdr:spPr bwMode="auto">
        <a:xfrm>
          <a:off x="1161380" y="160782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84" name="Text Box 34"/>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85" name="Text Box 35"/>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0</xdr:row>
      <xdr:rowOff>0</xdr:rowOff>
    </xdr:from>
    <xdr:to>
      <xdr:col>4</xdr:col>
      <xdr:colOff>2370832</xdr:colOff>
      <xdr:row>60</xdr:row>
      <xdr:rowOff>0</xdr:rowOff>
    </xdr:to>
    <xdr:sp macro="" textlink="">
      <xdr:nvSpPr>
        <xdr:cNvPr id="186" name="Text Box 36"/>
        <xdr:cNvSpPr txBox="1"/>
      </xdr:nvSpPr>
      <xdr:spPr bwMode="auto">
        <a:xfrm>
          <a:off x="8240427" y="160782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2</xdr:row>
      <xdr:rowOff>0</xdr:rowOff>
    </xdr:from>
    <xdr:to>
      <xdr:col>0</xdr:col>
      <xdr:colOff>180975</xdr:colOff>
      <xdr:row>52</xdr:row>
      <xdr:rowOff>0</xdr:rowOff>
    </xdr:to>
    <xdr:sp macro="" textlink="">
      <xdr:nvSpPr>
        <xdr:cNvPr id="187" name="Text Box 37"/>
        <xdr:cNvSpPr txBox="1"/>
      </xdr:nvSpPr>
      <xdr:spPr bwMode="auto">
        <a:xfrm>
          <a:off x="9544" y="135731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0</xdr:row>
      <xdr:rowOff>0</xdr:rowOff>
    </xdr:from>
    <xdr:to>
      <xdr:col>0</xdr:col>
      <xdr:colOff>180975</xdr:colOff>
      <xdr:row>60</xdr:row>
      <xdr:rowOff>0</xdr:rowOff>
    </xdr:to>
    <xdr:sp macro="" textlink="">
      <xdr:nvSpPr>
        <xdr:cNvPr id="188" name="Text Box 38"/>
        <xdr:cNvSpPr txBox="1"/>
      </xdr:nvSpPr>
      <xdr:spPr bwMode="auto">
        <a:xfrm>
          <a:off x="9544" y="160782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1</xdr:row>
      <xdr:rowOff>180975</xdr:rowOff>
    </xdr:from>
    <xdr:to>
      <xdr:col>5</xdr:col>
      <xdr:colOff>3124200</xdr:colOff>
      <xdr:row>48</xdr:row>
      <xdr:rowOff>123825</xdr:rowOff>
    </xdr:to>
    <xdr:sp macro="" textlink="">
      <xdr:nvSpPr>
        <xdr:cNvPr id="189" name="Rectangle 39"/>
        <xdr:cNvSpPr>
          <a:spLocks noChangeArrowheads="1"/>
        </xdr:cNvSpPr>
      </xdr:nvSpPr>
      <xdr:spPr bwMode="auto">
        <a:xfrm>
          <a:off x="1266825" y="10420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5</xdr:row>
      <xdr:rowOff>0</xdr:rowOff>
    </xdr:from>
    <xdr:to>
      <xdr:col>0</xdr:col>
      <xdr:colOff>180975</xdr:colOff>
      <xdr:row>65</xdr:row>
      <xdr:rowOff>0</xdr:rowOff>
    </xdr:to>
    <xdr:sp macro="" textlink="">
      <xdr:nvSpPr>
        <xdr:cNvPr id="190" name="Text Box 4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91" name="Text Box 41"/>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92" name="Text Box 42"/>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5</xdr:row>
      <xdr:rowOff>0</xdr:rowOff>
    </xdr:from>
    <xdr:to>
      <xdr:col>6</xdr:col>
      <xdr:colOff>467134</xdr:colOff>
      <xdr:row>65</xdr:row>
      <xdr:rowOff>0</xdr:rowOff>
    </xdr:to>
    <xdr:sp macro="" textlink="">
      <xdr:nvSpPr>
        <xdr:cNvPr id="193" name="Text Box 43"/>
        <xdr:cNvSpPr txBox="1"/>
      </xdr:nvSpPr>
      <xdr:spPr bwMode="auto">
        <a:xfrm>
          <a:off x="12895362" y="173640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5</xdr:row>
      <xdr:rowOff>0</xdr:rowOff>
    </xdr:from>
    <xdr:to>
      <xdr:col>10</xdr:col>
      <xdr:colOff>323980</xdr:colOff>
      <xdr:row>65</xdr:row>
      <xdr:rowOff>0</xdr:rowOff>
    </xdr:to>
    <xdr:sp macro="" textlink="">
      <xdr:nvSpPr>
        <xdr:cNvPr id="194" name="Text Box 44"/>
        <xdr:cNvSpPr txBox="1"/>
      </xdr:nvSpPr>
      <xdr:spPr bwMode="auto">
        <a:xfrm>
          <a:off x="15716064" y="173640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5</xdr:row>
      <xdr:rowOff>0</xdr:rowOff>
    </xdr:from>
    <xdr:to>
      <xdr:col>1</xdr:col>
      <xdr:colOff>1553394</xdr:colOff>
      <xdr:row>65</xdr:row>
      <xdr:rowOff>0</xdr:rowOff>
    </xdr:to>
    <xdr:sp macro="" textlink="">
      <xdr:nvSpPr>
        <xdr:cNvPr id="196" name="Text Box 46"/>
        <xdr:cNvSpPr txBox="1"/>
      </xdr:nvSpPr>
      <xdr:spPr bwMode="auto">
        <a:xfrm>
          <a:off x="1161380" y="181356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5</xdr:row>
      <xdr:rowOff>0</xdr:rowOff>
    </xdr:from>
    <xdr:to>
      <xdr:col>0</xdr:col>
      <xdr:colOff>180975</xdr:colOff>
      <xdr:row>65</xdr:row>
      <xdr:rowOff>0</xdr:rowOff>
    </xdr:to>
    <xdr:sp macro="" textlink="">
      <xdr:nvSpPr>
        <xdr:cNvPr id="200" name="Text Box 50"/>
        <xdr:cNvSpPr txBox="1"/>
      </xdr:nvSpPr>
      <xdr:spPr bwMode="auto">
        <a:xfrm>
          <a:off x="9544" y="17364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F57"/>
  <sheetViews>
    <sheetView tabSelected="1" view="pageBreakPreview" zoomScaleNormal="100" zoomScaleSheetLayoutView="100" workbookViewId="0"/>
  </sheetViews>
  <sheetFormatPr defaultRowHeight="20.25" customHeight="1"/>
  <cols>
    <col min="1" max="2" width="4.25" style="273" customWidth="1"/>
    <col min="3" max="3" width="25" style="272" customWidth="1"/>
    <col min="4" max="4" width="4.875" style="272" customWidth="1"/>
    <col min="5" max="5" width="41.625" style="272" customWidth="1"/>
    <col min="6" max="6" width="4.875" style="272" customWidth="1"/>
    <col min="7" max="7" width="19.625" style="272" customWidth="1"/>
    <col min="8" max="8" width="33.875" style="272" customWidth="1"/>
    <col min="9" max="32" width="4.875" style="272" customWidth="1"/>
    <col min="33" max="267" width="9" style="272"/>
    <col min="268" max="268" width="4.25" style="272" customWidth="1"/>
    <col min="269" max="269" width="25" style="272" customWidth="1"/>
    <col min="270" max="270" width="41.625" style="272" customWidth="1"/>
    <col min="271" max="271" width="19.625" style="272" customWidth="1"/>
    <col min="272" max="272" width="33.875" style="272" customWidth="1"/>
    <col min="273" max="273" width="25" style="272" customWidth="1"/>
    <col min="274" max="274" width="13.625" style="272" customWidth="1"/>
    <col min="275" max="288" width="4.875" style="272" customWidth="1"/>
    <col min="289" max="523" width="9" style="272"/>
    <col min="524" max="524" width="4.25" style="272" customWidth="1"/>
    <col min="525" max="525" width="25" style="272" customWidth="1"/>
    <col min="526" max="526" width="41.625" style="272" customWidth="1"/>
    <col min="527" max="527" width="19.625" style="272" customWidth="1"/>
    <col min="528" max="528" width="33.875" style="272" customWidth="1"/>
    <col min="529" max="529" width="25" style="272" customWidth="1"/>
    <col min="530" max="530" width="13.625" style="272" customWidth="1"/>
    <col min="531" max="544" width="4.875" style="272" customWidth="1"/>
    <col min="545" max="779" width="9" style="272"/>
    <col min="780" max="780" width="4.25" style="272" customWidth="1"/>
    <col min="781" max="781" width="25" style="272" customWidth="1"/>
    <col min="782" max="782" width="41.625" style="272" customWidth="1"/>
    <col min="783" max="783" width="19.625" style="272" customWidth="1"/>
    <col min="784" max="784" width="33.875" style="272" customWidth="1"/>
    <col min="785" max="785" width="25" style="272" customWidth="1"/>
    <col min="786" max="786" width="13.625" style="272" customWidth="1"/>
    <col min="787" max="800" width="4.875" style="272" customWidth="1"/>
    <col min="801" max="1035" width="9" style="272"/>
    <col min="1036" max="1036" width="4.25" style="272" customWidth="1"/>
    <col min="1037" max="1037" width="25" style="272" customWidth="1"/>
    <col min="1038" max="1038" width="41.625" style="272" customWidth="1"/>
    <col min="1039" max="1039" width="19.625" style="272" customWidth="1"/>
    <col min="1040" max="1040" width="33.875" style="272" customWidth="1"/>
    <col min="1041" max="1041" width="25" style="272" customWidth="1"/>
    <col min="1042" max="1042" width="13.625" style="272" customWidth="1"/>
    <col min="1043" max="1056" width="4.875" style="272" customWidth="1"/>
    <col min="1057" max="1291" width="9" style="272"/>
    <col min="1292" max="1292" width="4.25" style="272" customWidth="1"/>
    <col min="1293" max="1293" width="25" style="272" customWidth="1"/>
    <col min="1294" max="1294" width="41.625" style="272" customWidth="1"/>
    <col min="1295" max="1295" width="19.625" style="272" customWidth="1"/>
    <col min="1296" max="1296" width="33.875" style="272" customWidth="1"/>
    <col min="1297" max="1297" width="25" style="272" customWidth="1"/>
    <col min="1298" max="1298" width="13.625" style="272" customWidth="1"/>
    <col min="1299" max="1312" width="4.875" style="272" customWidth="1"/>
    <col min="1313" max="1547" width="9" style="272"/>
    <col min="1548" max="1548" width="4.25" style="272" customWidth="1"/>
    <col min="1549" max="1549" width="25" style="272" customWidth="1"/>
    <col min="1550" max="1550" width="41.625" style="272" customWidth="1"/>
    <col min="1551" max="1551" width="19.625" style="272" customWidth="1"/>
    <col min="1552" max="1552" width="33.875" style="272" customWidth="1"/>
    <col min="1553" max="1553" width="25" style="272" customWidth="1"/>
    <col min="1554" max="1554" width="13.625" style="272" customWidth="1"/>
    <col min="1555" max="1568" width="4.875" style="272" customWidth="1"/>
    <col min="1569" max="1803" width="9" style="272"/>
    <col min="1804" max="1804" width="4.25" style="272" customWidth="1"/>
    <col min="1805" max="1805" width="25" style="272" customWidth="1"/>
    <col min="1806" max="1806" width="41.625" style="272" customWidth="1"/>
    <col min="1807" max="1807" width="19.625" style="272" customWidth="1"/>
    <col min="1808" max="1808" width="33.875" style="272" customWidth="1"/>
    <col min="1809" max="1809" width="25" style="272" customWidth="1"/>
    <col min="1810" max="1810" width="13.625" style="272" customWidth="1"/>
    <col min="1811" max="1824" width="4.875" style="272" customWidth="1"/>
    <col min="1825" max="2059" width="9" style="272"/>
    <col min="2060" max="2060" width="4.25" style="272" customWidth="1"/>
    <col min="2061" max="2061" width="25" style="272" customWidth="1"/>
    <col min="2062" max="2062" width="41.625" style="272" customWidth="1"/>
    <col min="2063" max="2063" width="19.625" style="272" customWidth="1"/>
    <col min="2064" max="2064" width="33.875" style="272" customWidth="1"/>
    <col min="2065" max="2065" width="25" style="272" customWidth="1"/>
    <col min="2066" max="2066" width="13.625" style="272" customWidth="1"/>
    <col min="2067" max="2080" width="4.875" style="272" customWidth="1"/>
    <col min="2081" max="2315" width="9" style="272"/>
    <col min="2316" max="2316" width="4.25" style="272" customWidth="1"/>
    <col min="2317" max="2317" width="25" style="272" customWidth="1"/>
    <col min="2318" max="2318" width="41.625" style="272" customWidth="1"/>
    <col min="2319" max="2319" width="19.625" style="272" customWidth="1"/>
    <col min="2320" max="2320" width="33.875" style="272" customWidth="1"/>
    <col min="2321" max="2321" width="25" style="272" customWidth="1"/>
    <col min="2322" max="2322" width="13.625" style="272" customWidth="1"/>
    <col min="2323" max="2336" width="4.875" style="272" customWidth="1"/>
    <col min="2337" max="2571" width="9" style="272"/>
    <col min="2572" max="2572" width="4.25" style="272" customWidth="1"/>
    <col min="2573" max="2573" width="25" style="272" customWidth="1"/>
    <col min="2574" max="2574" width="41.625" style="272" customWidth="1"/>
    <col min="2575" max="2575" width="19.625" style="272" customWidth="1"/>
    <col min="2576" max="2576" width="33.875" style="272" customWidth="1"/>
    <col min="2577" max="2577" width="25" style="272" customWidth="1"/>
    <col min="2578" max="2578" width="13.625" style="272" customWidth="1"/>
    <col min="2579" max="2592" width="4.875" style="272" customWidth="1"/>
    <col min="2593" max="2827" width="9" style="272"/>
    <col min="2828" max="2828" width="4.25" style="272" customWidth="1"/>
    <col min="2829" max="2829" width="25" style="272" customWidth="1"/>
    <col min="2830" max="2830" width="41.625" style="272" customWidth="1"/>
    <col min="2831" max="2831" width="19.625" style="272" customWidth="1"/>
    <col min="2832" max="2832" width="33.875" style="272" customWidth="1"/>
    <col min="2833" max="2833" width="25" style="272" customWidth="1"/>
    <col min="2834" max="2834" width="13.625" style="272" customWidth="1"/>
    <col min="2835" max="2848" width="4.875" style="272" customWidth="1"/>
    <col min="2849" max="3083" width="9" style="272"/>
    <col min="3084" max="3084" width="4.25" style="272" customWidth="1"/>
    <col min="3085" max="3085" width="25" style="272" customWidth="1"/>
    <col min="3086" max="3086" width="41.625" style="272" customWidth="1"/>
    <col min="3087" max="3087" width="19.625" style="272" customWidth="1"/>
    <col min="3088" max="3088" width="33.875" style="272" customWidth="1"/>
    <col min="3089" max="3089" width="25" style="272" customWidth="1"/>
    <col min="3090" max="3090" width="13.625" style="272" customWidth="1"/>
    <col min="3091" max="3104" width="4.875" style="272" customWidth="1"/>
    <col min="3105" max="3339" width="9" style="272"/>
    <col min="3340" max="3340" width="4.25" style="272" customWidth="1"/>
    <col min="3341" max="3341" width="25" style="272" customWidth="1"/>
    <col min="3342" max="3342" width="41.625" style="272" customWidth="1"/>
    <col min="3343" max="3343" width="19.625" style="272" customWidth="1"/>
    <col min="3344" max="3344" width="33.875" style="272" customWidth="1"/>
    <col min="3345" max="3345" width="25" style="272" customWidth="1"/>
    <col min="3346" max="3346" width="13.625" style="272" customWidth="1"/>
    <col min="3347" max="3360" width="4.875" style="272" customWidth="1"/>
    <col min="3361" max="3595" width="9" style="272"/>
    <col min="3596" max="3596" width="4.25" style="272" customWidth="1"/>
    <col min="3597" max="3597" width="25" style="272" customWidth="1"/>
    <col min="3598" max="3598" width="41.625" style="272" customWidth="1"/>
    <col min="3599" max="3599" width="19.625" style="272" customWidth="1"/>
    <col min="3600" max="3600" width="33.875" style="272" customWidth="1"/>
    <col min="3601" max="3601" width="25" style="272" customWidth="1"/>
    <col min="3602" max="3602" width="13.625" style="272" customWidth="1"/>
    <col min="3603" max="3616" width="4.875" style="272" customWidth="1"/>
    <col min="3617" max="3851" width="9" style="272"/>
    <col min="3852" max="3852" width="4.25" style="272" customWidth="1"/>
    <col min="3853" max="3853" width="25" style="272" customWidth="1"/>
    <col min="3854" max="3854" width="41.625" style="272" customWidth="1"/>
    <col min="3855" max="3855" width="19.625" style="272" customWidth="1"/>
    <col min="3856" max="3856" width="33.875" style="272" customWidth="1"/>
    <col min="3857" max="3857" width="25" style="272" customWidth="1"/>
    <col min="3858" max="3858" width="13.625" style="272" customWidth="1"/>
    <col min="3859" max="3872" width="4.875" style="272" customWidth="1"/>
    <col min="3873" max="4107" width="9" style="272"/>
    <col min="4108" max="4108" width="4.25" style="272" customWidth="1"/>
    <col min="4109" max="4109" width="25" style="272" customWidth="1"/>
    <col min="4110" max="4110" width="41.625" style="272" customWidth="1"/>
    <col min="4111" max="4111" width="19.625" style="272" customWidth="1"/>
    <col min="4112" max="4112" width="33.875" style="272" customWidth="1"/>
    <col min="4113" max="4113" width="25" style="272" customWidth="1"/>
    <col min="4114" max="4114" width="13.625" style="272" customWidth="1"/>
    <col min="4115" max="4128" width="4.875" style="272" customWidth="1"/>
    <col min="4129" max="4363" width="9" style="272"/>
    <col min="4364" max="4364" width="4.25" style="272" customWidth="1"/>
    <col min="4365" max="4365" width="25" style="272" customWidth="1"/>
    <col min="4366" max="4366" width="41.625" style="272" customWidth="1"/>
    <col min="4367" max="4367" width="19.625" style="272" customWidth="1"/>
    <col min="4368" max="4368" width="33.875" style="272" customWidth="1"/>
    <col min="4369" max="4369" width="25" style="272" customWidth="1"/>
    <col min="4370" max="4370" width="13.625" style="272" customWidth="1"/>
    <col min="4371" max="4384" width="4.875" style="272" customWidth="1"/>
    <col min="4385" max="4619" width="9" style="272"/>
    <col min="4620" max="4620" width="4.25" style="272" customWidth="1"/>
    <col min="4621" max="4621" width="25" style="272" customWidth="1"/>
    <col min="4622" max="4622" width="41.625" style="272" customWidth="1"/>
    <col min="4623" max="4623" width="19.625" style="272" customWidth="1"/>
    <col min="4624" max="4624" width="33.875" style="272" customWidth="1"/>
    <col min="4625" max="4625" width="25" style="272" customWidth="1"/>
    <col min="4626" max="4626" width="13.625" style="272" customWidth="1"/>
    <col min="4627" max="4640" width="4.875" style="272" customWidth="1"/>
    <col min="4641" max="4875" width="9" style="272"/>
    <col min="4876" max="4876" width="4.25" style="272" customWidth="1"/>
    <col min="4877" max="4877" width="25" style="272" customWidth="1"/>
    <col min="4878" max="4878" width="41.625" style="272" customWidth="1"/>
    <col min="4879" max="4879" width="19.625" style="272" customWidth="1"/>
    <col min="4880" max="4880" width="33.875" style="272" customWidth="1"/>
    <col min="4881" max="4881" width="25" style="272" customWidth="1"/>
    <col min="4882" max="4882" width="13.625" style="272" customWidth="1"/>
    <col min="4883" max="4896" width="4.875" style="272" customWidth="1"/>
    <col min="4897" max="5131" width="9" style="272"/>
    <col min="5132" max="5132" width="4.25" style="272" customWidth="1"/>
    <col min="5133" max="5133" width="25" style="272" customWidth="1"/>
    <col min="5134" max="5134" width="41.625" style="272" customWidth="1"/>
    <col min="5135" max="5135" width="19.625" style="272" customWidth="1"/>
    <col min="5136" max="5136" width="33.875" style="272" customWidth="1"/>
    <col min="5137" max="5137" width="25" style="272" customWidth="1"/>
    <col min="5138" max="5138" width="13.625" style="272" customWidth="1"/>
    <col min="5139" max="5152" width="4.875" style="272" customWidth="1"/>
    <col min="5153" max="5387" width="9" style="272"/>
    <col min="5388" max="5388" width="4.25" style="272" customWidth="1"/>
    <col min="5389" max="5389" width="25" style="272" customWidth="1"/>
    <col min="5390" max="5390" width="41.625" style="272" customWidth="1"/>
    <col min="5391" max="5391" width="19.625" style="272" customWidth="1"/>
    <col min="5392" max="5392" width="33.875" style="272" customWidth="1"/>
    <col min="5393" max="5393" width="25" style="272" customWidth="1"/>
    <col min="5394" max="5394" width="13.625" style="272" customWidth="1"/>
    <col min="5395" max="5408" width="4.875" style="272" customWidth="1"/>
    <col min="5409" max="5643" width="9" style="272"/>
    <col min="5644" max="5644" width="4.25" style="272" customWidth="1"/>
    <col min="5645" max="5645" width="25" style="272" customWidth="1"/>
    <col min="5646" max="5646" width="41.625" style="272" customWidth="1"/>
    <col min="5647" max="5647" width="19.625" style="272" customWidth="1"/>
    <col min="5648" max="5648" width="33.875" style="272" customWidth="1"/>
    <col min="5649" max="5649" width="25" style="272" customWidth="1"/>
    <col min="5650" max="5650" width="13.625" style="272" customWidth="1"/>
    <col min="5651" max="5664" width="4.875" style="272" customWidth="1"/>
    <col min="5665" max="5899" width="9" style="272"/>
    <col min="5900" max="5900" width="4.25" style="272" customWidth="1"/>
    <col min="5901" max="5901" width="25" style="272" customWidth="1"/>
    <col min="5902" max="5902" width="41.625" style="272" customWidth="1"/>
    <col min="5903" max="5903" width="19.625" style="272" customWidth="1"/>
    <col min="5904" max="5904" width="33.875" style="272" customWidth="1"/>
    <col min="5905" max="5905" width="25" style="272" customWidth="1"/>
    <col min="5906" max="5906" width="13.625" style="272" customWidth="1"/>
    <col min="5907" max="5920" width="4.875" style="272" customWidth="1"/>
    <col min="5921" max="6155" width="9" style="272"/>
    <col min="6156" max="6156" width="4.25" style="272" customWidth="1"/>
    <col min="6157" max="6157" width="25" style="272" customWidth="1"/>
    <col min="6158" max="6158" width="41.625" style="272" customWidth="1"/>
    <col min="6159" max="6159" width="19.625" style="272" customWidth="1"/>
    <col min="6160" max="6160" width="33.875" style="272" customWidth="1"/>
    <col min="6161" max="6161" width="25" style="272" customWidth="1"/>
    <col min="6162" max="6162" width="13.625" style="272" customWidth="1"/>
    <col min="6163" max="6176" width="4.875" style="272" customWidth="1"/>
    <col min="6177" max="6411" width="9" style="272"/>
    <col min="6412" max="6412" width="4.25" style="272" customWidth="1"/>
    <col min="6413" max="6413" width="25" style="272" customWidth="1"/>
    <col min="6414" max="6414" width="41.625" style="272" customWidth="1"/>
    <col min="6415" max="6415" width="19.625" style="272" customWidth="1"/>
    <col min="6416" max="6416" width="33.875" style="272" customWidth="1"/>
    <col min="6417" max="6417" width="25" style="272" customWidth="1"/>
    <col min="6418" max="6418" width="13.625" style="272" customWidth="1"/>
    <col min="6419" max="6432" width="4.875" style="272" customWidth="1"/>
    <col min="6433" max="6667" width="9" style="272"/>
    <col min="6668" max="6668" width="4.25" style="272" customWidth="1"/>
    <col min="6669" max="6669" width="25" style="272" customWidth="1"/>
    <col min="6670" max="6670" width="41.625" style="272" customWidth="1"/>
    <col min="6671" max="6671" width="19.625" style="272" customWidth="1"/>
    <col min="6672" max="6672" width="33.875" style="272" customWidth="1"/>
    <col min="6673" max="6673" width="25" style="272" customWidth="1"/>
    <col min="6674" max="6674" width="13.625" style="272" customWidth="1"/>
    <col min="6675" max="6688" width="4.875" style="272" customWidth="1"/>
    <col min="6689" max="6923" width="9" style="272"/>
    <col min="6924" max="6924" width="4.25" style="272" customWidth="1"/>
    <col min="6925" max="6925" width="25" style="272" customWidth="1"/>
    <col min="6926" max="6926" width="41.625" style="272" customWidth="1"/>
    <col min="6927" max="6927" width="19.625" style="272" customWidth="1"/>
    <col min="6928" max="6928" width="33.875" style="272" customWidth="1"/>
    <col min="6929" max="6929" width="25" style="272" customWidth="1"/>
    <col min="6930" max="6930" width="13.625" style="272" customWidth="1"/>
    <col min="6931" max="6944" width="4.875" style="272" customWidth="1"/>
    <col min="6945" max="7179" width="9" style="272"/>
    <col min="7180" max="7180" width="4.25" style="272" customWidth="1"/>
    <col min="7181" max="7181" width="25" style="272" customWidth="1"/>
    <col min="7182" max="7182" width="41.625" style="272" customWidth="1"/>
    <col min="7183" max="7183" width="19.625" style="272" customWidth="1"/>
    <col min="7184" max="7184" width="33.875" style="272" customWidth="1"/>
    <col min="7185" max="7185" width="25" style="272" customWidth="1"/>
    <col min="7186" max="7186" width="13.625" style="272" customWidth="1"/>
    <col min="7187" max="7200" width="4.875" style="272" customWidth="1"/>
    <col min="7201" max="7435" width="9" style="272"/>
    <col min="7436" max="7436" width="4.25" style="272" customWidth="1"/>
    <col min="7437" max="7437" width="25" style="272" customWidth="1"/>
    <col min="7438" max="7438" width="41.625" style="272" customWidth="1"/>
    <col min="7439" max="7439" width="19.625" style="272" customWidth="1"/>
    <col min="7440" max="7440" width="33.875" style="272" customWidth="1"/>
    <col min="7441" max="7441" width="25" style="272" customWidth="1"/>
    <col min="7442" max="7442" width="13.625" style="272" customWidth="1"/>
    <col min="7443" max="7456" width="4.875" style="272" customWidth="1"/>
    <col min="7457" max="7691" width="9" style="272"/>
    <col min="7692" max="7692" width="4.25" style="272" customWidth="1"/>
    <col min="7693" max="7693" width="25" style="272" customWidth="1"/>
    <col min="7694" max="7694" width="41.625" style="272" customWidth="1"/>
    <col min="7695" max="7695" width="19.625" style="272" customWidth="1"/>
    <col min="7696" max="7696" width="33.875" style="272" customWidth="1"/>
    <col min="7697" max="7697" width="25" style="272" customWidth="1"/>
    <col min="7698" max="7698" width="13.625" style="272" customWidth="1"/>
    <col min="7699" max="7712" width="4.875" style="272" customWidth="1"/>
    <col min="7713" max="7947" width="9" style="272"/>
    <col min="7948" max="7948" width="4.25" style="272" customWidth="1"/>
    <col min="7949" max="7949" width="25" style="272" customWidth="1"/>
    <col min="7950" max="7950" width="41.625" style="272" customWidth="1"/>
    <col min="7951" max="7951" width="19.625" style="272" customWidth="1"/>
    <col min="7952" max="7952" width="33.875" style="272" customWidth="1"/>
    <col min="7953" max="7953" width="25" style="272" customWidth="1"/>
    <col min="7954" max="7954" width="13.625" style="272" customWidth="1"/>
    <col min="7955" max="7968" width="4.875" style="272" customWidth="1"/>
    <col min="7969" max="8203" width="9" style="272"/>
    <col min="8204" max="8204" width="4.25" style="272" customWidth="1"/>
    <col min="8205" max="8205" width="25" style="272" customWidth="1"/>
    <col min="8206" max="8206" width="41.625" style="272" customWidth="1"/>
    <col min="8207" max="8207" width="19.625" style="272" customWidth="1"/>
    <col min="8208" max="8208" width="33.875" style="272" customWidth="1"/>
    <col min="8209" max="8209" width="25" style="272" customWidth="1"/>
    <col min="8210" max="8210" width="13.625" style="272" customWidth="1"/>
    <col min="8211" max="8224" width="4.875" style="272" customWidth="1"/>
    <col min="8225" max="8459" width="9" style="272"/>
    <col min="8460" max="8460" width="4.25" style="272" customWidth="1"/>
    <col min="8461" max="8461" width="25" style="272" customWidth="1"/>
    <col min="8462" max="8462" width="41.625" style="272" customWidth="1"/>
    <col min="8463" max="8463" width="19.625" style="272" customWidth="1"/>
    <col min="8464" max="8464" width="33.875" style="272" customWidth="1"/>
    <col min="8465" max="8465" width="25" style="272" customWidth="1"/>
    <col min="8466" max="8466" width="13.625" style="272" customWidth="1"/>
    <col min="8467" max="8480" width="4.875" style="272" customWidth="1"/>
    <col min="8481" max="8715" width="9" style="272"/>
    <col min="8716" max="8716" width="4.25" style="272" customWidth="1"/>
    <col min="8717" max="8717" width="25" style="272" customWidth="1"/>
    <col min="8718" max="8718" width="41.625" style="272" customWidth="1"/>
    <col min="8719" max="8719" width="19.625" style="272" customWidth="1"/>
    <col min="8720" max="8720" width="33.875" style="272" customWidth="1"/>
    <col min="8721" max="8721" width="25" style="272" customWidth="1"/>
    <col min="8722" max="8722" width="13.625" style="272" customWidth="1"/>
    <col min="8723" max="8736" width="4.875" style="272" customWidth="1"/>
    <col min="8737" max="8971" width="9" style="272"/>
    <col min="8972" max="8972" width="4.25" style="272" customWidth="1"/>
    <col min="8973" max="8973" width="25" style="272" customWidth="1"/>
    <col min="8974" max="8974" width="41.625" style="272" customWidth="1"/>
    <col min="8975" max="8975" width="19.625" style="272" customWidth="1"/>
    <col min="8976" max="8976" width="33.875" style="272" customWidth="1"/>
    <col min="8977" max="8977" width="25" style="272" customWidth="1"/>
    <col min="8978" max="8978" width="13.625" style="272" customWidth="1"/>
    <col min="8979" max="8992" width="4.875" style="272" customWidth="1"/>
    <col min="8993" max="9227" width="9" style="272"/>
    <col min="9228" max="9228" width="4.25" style="272" customWidth="1"/>
    <col min="9229" max="9229" width="25" style="272" customWidth="1"/>
    <col min="9230" max="9230" width="41.625" style="272" customWidth="1"/>
    <col min="9231" max="9231" width="19.625" style="272" customWidth="1"/>
    <col min="9232" max="9232" width="33.875" style="272" customWidth="1"/>
    <col min="9233" max="9233" width="25" style="272" customWidth="1"/>
    <col min="9234" max="9234" width="13.625" style="272" customWidth="1"/>
    <col min="9235" max="9248" width="4.875" style="272" customWidth="1"/>
    <col min="9249" max="9483" width="9" style="272"/>
    <col min="9484" max="9484" width="4.25" style="272" customWidth="1"/>
    <col min="9485" max="9485" width="25" style="272" customWidth="1"/>
    <col min="9486" max="9486" width="41.625" style="272" customWidth="1"/>
    <col min="9487" max="9487" width="19.625" style="272" customWidth="1"/>
    <col min="9488" max="9488" width="33.875" style="272" customWidth="1"/>
    <col min="9489" max="9489" width="25" style="272" customWidth="1"/>
    <col min="9490" max="9490" width="13.625" style="272" customWidth="1"/>
    <col min="9491" max="9504" width="4.875" style="272" customWidth="1"/>
    <col min="9505" max="9739" width="9" style="272"/>
    <col min="9740" max="9740" width="4.25" style="272" customWidth="1"/>
    <col min="9741" max="9741" width="25" style="272" customWidth="1"/>
    <col min="9742" max="9742" width="41.625" style="272" customWidth="1"/>
    <col min="9743" max="9743" width="19.625" style="272" customWidth="1"/>
    <col min="9744" max="9744" width="33.875" style="272" customWidth="1"/>
    <col min="9745" max="9745" width="25" style="272" customWidth="1"/>
    <col min="9746" max="9746" width="13.625" style="272" customWidth="1"/>
    <col min="9747" max="9760" width="4.875" style="272" customWidth="1"/>
    <col min="9761" max="9995" width="9" style="272"/>
    <col min="9996" max="9996" width="4.25" style="272" customWidth="1"/>
    <col min="9997" max="9997" width="25" style="272" customWidth="1"/>
    <col min="9998" max="9998" width="41.625" style="272" customWidth="1"/>
    <col min="9999" max="9999" width="19.625" style="272" customWidth="1"/>
    <col min="10000" max="10000" width="33.875" style="272" customWidth="1"/>
    <col min="10001" max="10001" width="25" style="272" customWidth="1"/>
    <col min="10002" max="10002" width="13.625" style="272" customWidth="1"/>
    <col min="10003" max="10016" width="4.875" style="272" customWidth="1"/>
    <col min="10017" max="10251" width="9" style="272"/>
    <col min="10252" max="10252" width="4.25" style="272" customWidth="1"/>
    <col min="10253" max="10253" width="25" style="272" customWidth="1"/>
    <col min="10254" max="10254" width="41.625" style="272" customWidth="1"/>
    <col min="10255" max="10255" width="19.625" style="272" customWidth="1"/>
    <col min="10256" max="10256" width="33.875" style="272" customWidth="1"/>
    <col min="10257" max="10257" width="25" style="272" customWidth="1"/>
    <col min="10258" max="10258" width="13.625" style="272" customWidth="1"/>
    <col min="10259" max="10272" width="4.875" style="272" customWidth="1"/>
    <col min="10273" max="10507" width="9" style="272"/>
    <col min="10508" max="10508" width="4.25" style="272" customWidth="1"/>
    <col min="10509" max="10509" width="25" style="272" customWidth="1"/>
    <col min="10510" max="10510" width="41.625" style="272" customWidth="1"/>
    <col min="10511" max="10511" width="19.625" style="272" customWidth="1"/>
    <col min="10512" max="10512" width="33.875" style="272" customWidth="1"/>
    <col min="10513" max="10513" width="25" style="272" customWidth="1"/>
    <col min="10514" max="10514" width="13.625" style="272" customWidth="1"/>
    <col min="10515" max="10528" width="4.875" style="272" customWidth="1"/>
    <col min="10529" max="10763" width="9" style="272"/>
    <col min="10764" max="10764" width="4.25" style="272" customWidth="1"/>
    <col min="10765" max="10765" width="25" style="272" customWidth="1"/>
    <col min="10766" max="10766" width="41.625" style="272" customWidth="1"/>
    <col min="10767" max="10767" width="19.625" style="272" customWidth="1"/>
    <col min="10768" max="10768" width="33.875" style="272" customWidth="1"/>
    <col min="10769" max="10769" width="25" style="272" customWidth="1"/>
    <col min="10770" max="10770" width="13.625" style="272" customWidth="1"/>
    <col min="10771" max="10784" width="4.875" style="272" customWidth="1"/>
    <col min="10785" max="11019" width="9" style="272"/>
    <col min="11020" max="11020" width="4.25" style="272" customWidth="1"/>
    <col min="11021" max="11021" width="25" style="272" customWidth="1"/>
    <col min="11022" max="11022" width="41.625" style="272" customWidth="1"/>
    <col min="11023" max="11023" width="19.625" style="272" customWidth="1"/>
    <col min="11024" max="11024" width="33.875" style="272" customWidth="1"/>
    <col min="11025" max="11025" width="25" style="272" customWidth="1"/>
    <col min="11026" max="11026" width="13.625" style="272" customWidth="1"/>
    <col min="11027" max="11040" width="4.875" style="272" customWidth="1"/>
    <col min="11041" max="11275" width="9" style="272"/>
    <col min="11276" max="11276" width="4.25" style="272" customWidth="1"/>
    <col min="11277" max="11277" width="25" style="272" customWidth="1"/>
    <col min="11278" max="11278" width="41.625" style="272" customWidth="1"/>
    <col min="11279" max="11279" width="19.625" style="272" customWidth="1"/>
    <col min="11280" max="11280" width="33.875" style="272" customWidth="1"/>
    <col min="11281" max="11281" width="25" style="272" customWidth="1"/>
    <col min="11282" max="11282" width="13.625" style="272" customWidth="1"/>
    <col min="11283" max="11296" width="4.875" style="272" customWidth="1"/>
    <col min="11297" max="11531" width="9" style="272"/>
    <col min="11532" max="11532" width="4.25" style="272" customWidth="1"/>
    <col min="11533" max="11533" width="25" style="272" customWidth="1"/>
    <col min="11534" max="11534" width="41.625" style="272" customWidth="1"/>
    <col min="11535" max="11535" width="19.625" style="272" customWidth="1"/>
    <col min="11536" max="11536" width="33.875" style="272" customWidth="1"/>
    <col min="11537" max="11537" width="25" style="272" customWidth="1"/>
    <col min="11538" max="11538" width="13.625" style="272" customWidth="1"/>
    <col min="11539" max="11552" width="4.875" style="272" customWidth="1"/>
    <col min="11553" max="11787" width="9" style="272"/>
    <col min="11788" max="11788" width="4.25" style="272" customWidth="1"/>
    <col min="11789" max="11789" width="25" style="272" customWidth="1"/>
    <col min="11790" max="11790" width="41.625" style="272" customWidth="1"/>
    <col min="11791" max="11791" width="19.625" style="272" customWidth="1"/>
    <col min="11792" max="11792" width="33.875" style="272" customWidth="1"/>
    <col min="11793" max="11793" width="25" style="272" customWidth="1"/>
    <col min="11794" max="11794" width="13.625" style="272" customWidth="1"/>
    <col min="11795" max="11808" width="4.875" style="272" customWidth="1"/>
    <col min="11809" max="12043" width="9" style="272"/>
    <col min="12044" max="12044" width="4.25" style="272" customWidth="1"/>
    <col min="12045" max="12045" width="25" style="272" customWidth="1"/>
    <col min="12046" max="12046" width="41.625" style="272" customWidth="1"/>
    <col min="12047" max="12047" width="19.625" style="272" customWidth="1"/>
    <col min="12048" max="12048" width="33.875" style="272" customWidth="1"/>
    <col min="12049" max="12049" width="25" style="272" customWidth="1"/>
    <col min="12050" max="12050" width="13.625" style="272" customWidth="1"/>
    <col min="12051" max="12064" width="4.875" style="272" customWidth="1"/>
    <col min="12065" max="12299" width="9" style="272"/>
    <col min="12300" max="12300" width="4.25" style="272" customWidth="1"/>
    <col min="12301" max="12301" width="25" style="272" customWidth="1"/>
    <col min="12302" max="12302" width="41.625" style="272" customWidth="1"/>
    <col min="12303" max="12303" width="19.625" style="272" customWidth="1"/>
    <col min="12304" max="12304" width="33.875" style="272" customWidth="1"/>
    <col min="12305" max="12305" width="25" style="272" customWidth="1"/>
    <col min="12306" max="12306" width="13.625" style="272" customWidth="1"/>
    <col min="12307" max="12320" width="4.875" style="272" customWidth="1"/>
    <col min="12321" max="12555" width="9" style="272"/>
    <col min="12556" max="12556" width="4.25" style="272" customWidth="1"/>
    <col min="12557" max="12557" width="25" style="272" customWidth="1"/>
    <col min="12558" max="12558" width="41.625" style="272" customWidth="1"/>
    <col min="12559" max="12559" width="19.625" style="272" customWidth="1"/>
    <col min="12560" max="12560" width="33.875" style="272" customWidth="1"/>
    <col min="12561" max="12561" width="25" style="272" customWidth="1"/>
    <col min="12562" max="12562" width="13.625" style="272" customWidth="1"/>
    <col min="12563" max="12576" width="4.875" style="272" customWidth="1"/>
    <col min="12577" max="12811" width="9" style="272"/>
    <col min="12812" max="12812" width="4.25" style="272" customWidth="1"/>
    <col min="12813" max="12813" width="25" style="272" customWidth="1"/>
    <col min="12814" max="12814" width="41.625" style="272" customWidth="1"/>
    <col min="12815" max="12815" width="19.625" style="272" customWidth="1"/>
    <col min="12816" max="12816" width="33.875" style="272" customWidth="1"/>
    <col min="12817" max="12817" width="25" style="272" customWidth="1"/>
    <col min="12818" max="12818" width="13.625" style="272" customWidth="1"/>
    <col min="12819" max="12832" width="4.875" style="272" customWidth="1"/>
    <col min="12833" max="13067" width="9" style="272"/>
    <col min="13068" max="13068" width="4.25" style="272" customWidth="1"/>
    <col min="13069" max="13069" width="25" style="272" customWidth="1"/>
    <col min="13070" max="13070" width="41.625" style="272" customWidth="1"/>
    <col min="13071" max="13071" width="19.625" style="272" customWidth="1"/>
    <col min="13072" max="13072" width="33.875" style="272" customWidth="1"/>
    <col min="13073" max="13073" width="25" style="272" customWidth="1"/>
    <col min="13074" max="13074" width="13.625" style="272" customWidth="1"/>
    <col min="13075" max="13088" width="4.875" style="272" customWidth="1"/>
    <col min="13089" max="13323" width="9" style="272"/>
    <col min="13324" max="13324" width="4.25" style="272" customWidth="1"/>
    <col min="13325" max="13325" width="25" style="272" customWidth="1"/>
    <col min="13326" max="13326" width="41.625" style="272" customWidth="1"/>
    <col min="13327" max="13327" width="19.625" style="272" customWidth="1"/>
    <col min="13328" max="13328" width="33.875" style="272" customWidth="1"/>
    <col min="13329" max="13329" width="25" style="272" customWidth="1"/>
    <col min="13330" max="13330" width="13.625" style="272" customWidth="1"/>
    <col min="13331" max="13344" width="4.875" style="272" customWidth="1"/>
    <col min="13345" max="13579" width="9" style="272"/>
    <col min="13580" max="13580" width="4.25" style="272" customWidth="1"/>
    <col min="13581" max="13581" width="25" style="272" customWidth="1"/>
    <col min="13582" max="13582" width="41.625" style="272" customWidth="1"/>
    <col min="13583" max="13583" width="19.625" style="272" customWidth="1"/>
    <col min="13584" max="13584" width="33.875" style="272" customWidth="1"/>
    <col min="13585" max="13585" width="25" style="272" customWidth="1"/>
    <col min="13586" max="13586" width="13.625" style="272" customWidth="1"/>
    <col min="13587" max="13600" width="4.875" style="272" customWidth="1"/>
    <col min="13601" max="13835" width="9" style="272"/>
    <col min="13836" max="13836" width="4.25" style="272" customWidth="1"/>
    <col min="13837" max="13837" width="25" style="272" customWidth="1"/>
    <col min="13838" max="13838" width="41.625" style="272" customWidth="1"/>
    <col min="13839" max="13839" width="19.625" style="272" customWidth="1"/>
    <col min="13840" max="13840" width="33.875" style="272" customWidth="1"/>
    <col min="13841" max="13841" width="25" style="272" customWidth="1"/>
    <col min="13842" max="13842" width="13.625" style="272" customWidth="1"/>
    <col min="13843" max="13856" width="4.875" style="272" customWidth="1"/>
    <col min="13857" max="14091" width="9" style="272"/>
    <col min="14092" max="14092" width="4.25" style="272" customWidth="1"/>
    <col min="14093" max="14093" width="25" style="272" customWidth="1"/>
    <col min="14094" max="14094" width="41.625" style="272" customWidth="1"/>
    <col min="14095" max="14095" width="19.625" style="272" customWidth="1"/>
    <col min="14096" max="14096" width="33.875" style="272" customWidth="1"/>
    <col min="14097" max="14097" width="25" style="272" customWidth="1"/>
    <col min="14098" max="14098" width="13.625" style="272" customWidth="1"/>
    <col min="14099" max="14112" width="4.875" style="272" customWidth="1"/>
    <col min="14113" max="14347" width="9" style="272"/>
    <col min="14348" max="14348" width="4.25" style="272" customWidth="1"/>
    <col min="14349" max="14349" width="25" style="272" customWidth="1"/>
    <col min="14350" max="14350" width="41.625" style="272" customWidth="1"/>
    <col min="14351" max="14351" width="19.625" style="272" customWidth="1"/>
    <col min="14352" max="14352" width="33.875" style="272" customWidth="1"/>
    <col min="14353" max="14353" width="25" style="272" customWidth="1"/>
    <col min="14354" max="14354" width="13.625" style="272" customWidth="1"/>
    <col min="14355" max="14368" width="4.875" style="272" customWidth="1"/>
    <col min="14369" max="14603" width="9" style="272"/>
    <col min="14604" max="14604" width="4.25" style="272" customWidth="1"/>
    <col min="14605" max="14605" width="25" style="272" customWidth="1"/>
    <col min="14606" max="14606" width="41.625" style="272" customWidth="1"/>
    <col min="14607" max="14607" width="19.625" style="272" customWidth="1"/>
    <col min="14608" max="14608" width="33.875" style="272" customWidth="1"/>
    <col min="14609" max="14609" width="25" style="272" customWidth="1"/>
    <col min="14610" max="14610" width="13.625" style="272" customWidth="1"/>
    <col min="14611" max="14624" width="4.875" style="272" customWidth="1"/>
    <col min="14625" max="14859" width="9" style="272"/>
    <col min="14860" max="14860" width="4.25" style="272" customWidth="1"/>
    <col min="14861" max="14861" width="25" style="272" customWidth="1"/>
    <col min="14862" max="14862" width="41.625" style="272" customWidth="1"/>
    <col min="14863" max="14863" width="19.625" style="272" customWidth="1"/>
    <col min="14864" max="14864" width="33.875" style="272" customWidth="1"/>
    <col min="14865" max="14865" width="25" style="272" customWidth="1"/>
    <col min="14866" max="14866" width="13.625" style="272" customWidth="1"/>
    <col min="14867" max="14880" width="4.875" style="272" customWidth="1"/>
    <col min="14881" max="15115" width="9" style="272"/>
    <col min="15116" max="15116" width="4.25" style="272" customWidth="1"/>
    <col min="15117" max="15117" width="25" style="272" customWidth="1"/>
    <col min="15118" max="15118" width="41.625" style="272" customWidth="1"/>
    <col min="15119" max="15119" width="19.625" style="272" customWidth="1"/>
    <col min="15120" max="15120" width="33.875" style="272" customWidth="1"/>
    <col min="15121" max="15121" width="25" style="272" customWidth="1"/>
    <col min="15122" max="15122" width="13.625" style="272" customWidth="1"/>
    <col min="15123" max="15136" width="4.875" style="272" customWidth="1"/>
    <col min="15137" max="15371" width="9" style="272"/>
    <col min="15372" max="15372" width="4.25" style="272" customWidth="1"/>
    <col min="15373" max="15373" width="25" style="272" customWidth="1"/>
    <col min="15374" max="15374" width="41.625" style="272" customWidth="1"/>
    <col min="15375" max="15375" width="19.625" style="272" customWidth="1"/>
    <col min="15376" max="15376" width="33.875" style="272" customWidth="1"/>
    <col min="15377" max="15377" width="25" style="272" customWidth="1"/>
    <col min="15378" max="15378" width="13.625" style="272" customWidth="1"/>
    <col min="15379" max="15392" width="4.875" style="272" customWidth="1"/>
    <col min="15393" max="15627" width="9" style="272"/>
    <col min="15628" max="15628" width="4.25" style="272" customWidth="1"/>
    <col min="15629" max="15629" width="25" style="272" customWidth="1"/>
    <col min="15630" max="15630" width="41.625" style="272" customWidth="1"/>
    <col min="15631" max="15631" width="19.625" style="272" customWidth="1"/>
    <col min="15632" max="15632" width="33.875" style="272" customWidth="1"/>
    <col min="15633" max="15633" width="25" style="272" customWidth="1"/>
    <col min="15634" max="15634" width="13.625" style="272" customWidth="1"/>
    <col min="15635" max="15648" width="4.875" style="272" customWidth="1"/>
    <col min="15649" max="15883" width="9" style="272"/>
    <col min="15884" max="15884" width="4.25" style="272" customWidth="1"/>
    <col min="15885" max="15885" width="25" style="272" customWidth="1"/>
    <col min="15886" max="15886" width="41.625" style="272" customWidth="1"/>
    <col min="15887" max="15887" width="19.625" style="272" customWidth="1"/>
    <col min="15888" max="15888" width="33.875" style="272" customWidth="1"/>
    <col min="15889" max="15889" width="25" style="272" customWidth="1"/>
    <col min="15890" max="15890" width="13.625" style="272" customWidth="1"/>
    <col min="15891" max="15904" width="4.875" style="272" customWidth="1"/>
    <col min="15905" max="16139" width="9" style="272"/>
    <col min="16140" max="16140" width="4.25" style="272" customWidth="1"/>
    <col min="16141" max="16141" width="25" style="272" customWidth="1"/>
    <col min="16142" max="16142" width="41.625" style="272" customWidth="1"/>
    <col min="16143" max="16143" width="19.625" style="272" customWidth="1"/>
    <col min="16144" max="16144" width="33.875" style="272" customWidth="1"/>
    <col min="16145" max="16145" width="25" style="272" customWidth="1"/>
    <col min="16146" max="16146" width="13.625" style="272" customWidth="1"/>
    <col min="16147" max="16160" width="4.875" style="272" customWidth="1"/>
    <col min="16161" max="16384" width="9" style="272"/>
  </cols>
  <sheetData>
    <row r="1" spans="1:32" ht="20.25" customHeight="1">
      <c r="A1" s="104" t="s">
        <v>113</v>
      </c>
    </row>
    <row r="2" spans="1:32" ht="36" customHeight="1">
      <c r="A2" s="305" t="s">
        <v>173</v>
      </c>
      <c r="B2" s="305"/>
      <c r="C2" s="305"/>
      <c r="D2" s="305"/>
      <c r="E2" s="305"/>
      <c r="F2" s="305"/>
      <c r="G2" s="305"/>
      <c r="H2" s="305"/>
      <c r="I2" s="305"/>
      <c r="J2" s="305"/>
      <c r="K2" s="305"/>
      <c r="L2" s="305"/>
      <c r="M2" s="305"/>
      <c r="N2" s="305"/>
      <c r="O2" s="305"/>
      <c r="P2" s="305"/>
      <c r="Q2" s="305"/>
      <c r="R2" s="305"/>
      <c r="S2" s="305"/>
      <c r="T2" s="305"/>
      <c r="U2" s="305"/>
      <c r="V2" s="305"/>
      <c r="W2" s="305"/>
      <c r="X2" s="305"/>
      <c r="Y2" s="305"/>
      <c r="Z2" s="305"/>
      <c r="AA2" s="305"/>
      <c r="AB2" s="305"/>
      <c r="AC2" s="305"/>
      <c r="AD2" s="305"/>
      <c r="AE2" s="305"/>
      <c r="AF2" s="305"/>
    </row>
    <row r="3" spans="1:32" ht="20.25" customHeight="1">
      <c r="A3" s="142"/>
      <c r="B3" s="14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row>
    <row r="4" spans="1:32" ht="30" customHeight="1">
      <c r="A4" s="142"/>
      <c r="B4" s="142"/>
      <c r="C4" s="259"/>
      <c r="D4" s="259"/>
      <c r="E4" s="259"/>
      <c r="F4" s="259"/>
      <c r="G4" s="259"/>
      <c r="H4" s="259"/>
      <c r="I4" s="259"/>
      <c r="S4" s="306" t="s">
        <v>100</v>
      </c>
      <c r="T4" s="307"/>
      <c r="U4" s="307"/>
      <c r="V4" s="308"/>
      <c r="W4" s="282">
        <v>3</v>
      </c>
      <c r="X4" s="283">
        <v>4</v>
      </c>
      <c r="Y4" s="283"/>
      <c r="Z4" s="283"/>
      <c r="AA4" s="283"/>
      <c r="AB4" s="283"/>
      <c r="AC4" s="283"/>
      <c r="AD4" s="283"/>
      <c r="AE4" s="283"/>
      <c r="AF4" s="284"/>
    </row>
    <row r="5" spans="1:32" ht="20.25" customHeight="1">
      <c r="A5" s="142"/>
      <c r="B5" s="142"/>
      <c r="C5" s="259"/>
      <c r="D5" s="259"/>
      <c r="E5" s="259"/>
      <c r="F5" s="259"/>
      <c r="G5" s="259"/>
      <c r="H5" s="259"/>
      <c r="I5" s="259"/>
      <c r="J5" s="259"/>
      <c r="K5" s="259"/>
      <c r="L5" s="259"/>
      <c r="M5" s="259"/>
      <c r="N5" s="259"/>
      <c r="O5" s="259"/>
      <c r="P5" s="259"/>
      <c r="Q5" s="259"/>
      <c r="R5" s="259"/>
      <c r="S5" s="259"/>
      <c r="T5" s="259"/>
      <c r="U5" s="259"/>
      <c r="V5" s="259"/>
      <c r="W5" s="259"/>
      <c r="X5" s="259"/>
      <c r="Y5" s="259"/>
      <c r="Z5" s="259"/>
      <c r="AA5" s="259"/>
      <c r="AB5" s="259"/>
      <c r="AC5" s="259"/>
      <c r="AD5" s="259"/>
      <c r="AE5" s="259"/>
      <c r="AF5" s="259"/>
    </row>
    <row r="6" spans="1:32" ht="18" customHeight="1">
      <c r="A6" s="306" t="s">
        <v>101</v>
      </c>
      <c r="B6" s="307"/>
      <c r="C6" s="308"/>
      <c r="D6" s="306" t="s">
        <v>1</v>
      </c>
      <c r="E6" s="308"/>
      <c r="F6" s="306" t="s">
        <v>102</v>
      </c>
      <c r="G6" s="308"/>
      <c r="H6" s="306" t="s">
        <v>170</v>
      </c>
      <c r="I6" s="307"/>
      <c r="J6" s="307"/>
      <c r="K6" s="307"/>
      <c r="L6" s="307"/>
      <c r="M6" s="307"/>
      <c r="N6" s="307"/>
      <c r="O6" s="307"/>
      <c r="P6" s="307"/>
      <c r="Q6" s="307"/>
      <c r="R6" s="307"/>
      <c r="S6" s="307"/>
      <c r="T6" s="307"/>
      <c r="U6" s="307"/>
      <c r="V6" s="307"/>
      <c r="W6" s="307"/>
      <c r="X6" s="307"/>
      <c r="Y6" s="307"/>
      <c r="Z6" s="307"/>
      <c r="AA6" s="307"/>
      <c r="AB6" s="307"/>
      <c r="AC6" s="307"/>
      <c r="AD6" s="307"/>
      <c r="AE6" s="307"/>
      <c r="AF6" s="308"/>
    </row>
    <row r="7" spans="1:32" ht="18.75" customHeight="1">
      <c r="A7" s="298" t="s">
        <v>103</v>
      </c>
      <c r="B7" s="299"/>
      <c r="C7" s="300"/>
      <c r="D7" s="265"/>
      <c r="E7" s="149"/>
      <c r="F7" s="148"/>
      <c r="G7" s="149"/>
      <c r="H7" s="295" t="s">
        <v>104</v>
      </c>
      <c r="I7" s="189" t="s">
        <v>236</v>
      </c>
      <c r="J7" s="111" t="s">
        <v>197</v>
      </c>
      <c r="K7" s="153"/>
      <c r="L7" s="153"/>
      <c r="M7" s="189" t="s">
        <v>236</v>
      </c>
      <c r="N7" s="111" t="s">
        <v>198</v>
      </c>
      <c r="O7" s="153"/>
      <c r="P7" s="153"/>
      <c r="Q7" s="189" t="s">
        <v>236</v>
      </c>
      <c r="R7" s="111" t="s">
        <v>199</v>
      </c>
      <c r="S7" s="153"/>
      <c r="T7" s="153"/>
      <c r="U7" s="189" t="s">
        <v>236</v>
      </c>
      <c r="V7" s="111" t="s">
        <v>200</v>
      </c>
      <c r="W7" s="153"/>
      <c r="X7" s="153"/>
      <c r="Y7" s="111"/>
      <c r="Z7" s="111"/>
      <c r="AA7" s="111"/>
      <c r="AB7" s="111"/>
      <c r="AC7" s="111"/>
      <c r="AD7" s="111"/>
      <c r="AE7" s="111"/>
      <c r="AF7" s="112"/>
    </row>
    <row r="8" spans="1:32" ht="18.75" customHeight="1">
      <c r="A8" s="301"/>
      <c r="B8" s="302"/>
      <c r="C8" s="303"/>
      <c r="D8" s="267"/>
      <c r="E8" s="151"/>
      <c r="F8" s="150"/>
      <c r="G8" s="151"/>
      <c r="H8" s="304"/>
      <c r="I8" s="193" t="s">
        <v>236</v>
      </c>
      <c r="J8" s="91" t="s">
        <v>201</v>
      </c>
      <c r="K8" s="146"/>
      <c r="L8" s="146"/>
      <c r="M8" s="189" t="s">
        <v>236</v>
      </c>
      <c r="N8" s="91" t="s">
        <v>202</v>
      </c>
      <c r="O8" s="146"/>
      <c r="P8" s="146"/>
      <c r="Q8" s="189" t="s">
        <v>236</v>
      </c>
      <c r="R8" s="91" t="s">
        <v>203</v>
      </c>
      <c r="S8" s="146"/>
      <c r="T8" s="146"/>
      <c r="U8" s="189" t="s">
        <v>236</v>
      </c>
      <c r="V8" s="91" t="s">
        <v>204</v>
      </c>
      <c r="W8" s="146"/>
      <c r="X8" s="146"/>
      <c r="Y8" s="271"/>
      <c r="Z8" s="271"/>
      <c r="AA8" s="271"/>
      <c r="AB8" s="271"/>
      <c r="AC8" s="271"/>
      <c r="AD8" s="271"/>
      <c r="AE8" s="271"/>
      <c r="AF8" s="151"/>
    </row>
    <row r="9" spans="1:32" ht="18.75" customHeight="1">
      <c r="A9" s="110"/>
      <c r="B9" s="266"/>
      <c r="C9" s="155"/>
      <c r="D9" s="148"/>
      <c r="E9" s="164"/>
      <c r="F9" s="275"/>
      <c r="G9" s="112"/>
      <c r="H9" s="312" t="s">
        <v>122</v>
      </c>
      <c r="I9" s="203" t="s">
        <v>236</v>
      </c>
      <c r="J9" s="111" t="s">
        <v>207</v>
      </c>
      <c r="K9" s="209"/>
      <c r="L9" s="209"/>
      <c r="M9" s="209"/>
      <c r="N9" s="209"/>
      <c r="O9" s="209"/>
      <c r="P9" s="209"/>
      <c r="Q9" s="209"/>
      <c r="R9" s="209"/>
      <c r="S9" s="209"/>
      <c r="T9" s="209"/>
      <c r="U9" s="209"/>
      <c r="V9" s="209"/>
      <c r="W9" s="209"/>
      <c r="X9" s="209"/>
      <c r="Y9" s="209"/>
      <c r="Z9" s="209"/>
      <c r="AA9" s="209"/>
      <c r="AB9" s="209"/>
      <c r="AC9" s="209"/>
      <c r="AD9" s="209"/>
      <c r="AE9" s="209"/>
      <c r="AF9" s="210"/>
    </row>
    <row r="10" spans="1:32" ht="18.75" customHeight="1">
      <c r="A10" s="190"/>
      <c r="B10" s="183"/>
      <c r="C10" s="156"/>
      <c r="D10" s="162"/>
      <c r="E10" s="145"/>
      <c r="F10" s="276"/>
      <c r="G10" s="141"/>
      <c r="H10" s="313"/>
      <c r="I10" s="256" t="s">
        <v>236</v>
      </c>
      <c r="J10" s="259" t="s">
        <v>205</v>
      </c>
      <c r="K10" s="100"/>
      <c r="L10" s="100"/>
      <c r="M10" s="100"/>
      <c r="N10" s="100"/>
      <c r="O10" s="100"/>
      <c r="P10" s="100"/>
      <c r="Q10" s="100"/>
      <c r="R10" s="100"/>
      <c r="S10" s="100"/>
      <c r="T10" s="100"/>
      <c r="U10" s="100"/>
      <c r="V10" s="100"/>
      <c r="W10" s="100"/>
      <c r="X10" s="100"/>
      <c r="Y10" s="100"/>
      <c r="Z10" s="100"/>
      <c r="AA10" s="100"/>
      <c r="AB10" s="100"/>
      <c r="AC10" s="100"/>
      <c r="AD10" s="100"/>
      <c r="AE10" s="100"/>
      <c r="AF10" s="170"/>
    </row>
    <row r="11" spans="1:32" ht="18.75" customHeight="1">
      <c r="A11" s="190"/>
      <c r="B11" s="183"/>
      <c r="C11" s="156"/>
      <c r="D11" s="162"/>
      <c r="E11" s="145"/>
      <c r="F11" s="276"/>
      <c r="G11" s="141"/>
      <c r="H11" s="310"/>
      <c r="I11" s="257" t="s">
        <v>236</v>
      </c>
      <c r="J11" s="260" t="s">
        <v>206</v>
      </c>
      <c r="K11" s="167"/>
      <c r="L11" s="167"/>
      <c r="M11" s="167"/>
      <c r="N11" s="167"/>
      <c r="O11" s="167"/>
      <c r="P11" s="167"/>
      <c r="Q11" s="167"/>
      <c r="R11" s="167"/>
      <c r="S11" s="167"/>
      <c r="T11" s="167"/>
      <c r="U11" s="167"/>
      <c r="V11" s="167"/>
      <c r="W11" s="167"/>
      <c r="X11" s="167"/>
      <c r="Y11" s="167"/>
      <c r="Z11" s="167"/>
      <c r="AA11" s="167"/>
      <c r="AB11" s="167"/>
      <c r="AC11" s="167"/>
      <c r="AD11" s="167"/>
      <c r="AE11" s="167"/>
      <c r="AF11" s="168"/>
    </row>
    <row r="12" spans="1:32" ht="18.75" customHeight="1">
      <c r="A12" s="190"/>
      <c r="B12" s="183"/>
      <c r="C12" s="156"/>
      <c r="D12" s="162"/>
      <c r="E12" s="145"/>
      <c r="F12" s="276"/>
      <c r="G12" s="141"/>
      <c r="H12" s="309" t="s">
        <v>155</v>
      </c>
      <c r="I12" s="297" t="s">
        <v>236</v>
      </c>
      <c r="J12" s="296" t="s">
        <v>208</v>
      </c>
      <c r="K12" s="296"/>
      <c r="L12" s="297" t="s">
        <v>236</v>
      </c>
      <c r="M12" s="296" t="s">
        <v>218</v>
      </c>
      <c r="N12" s="296"/>
      <c r="O12" s="258"/>
      <c r="P12" s="258"/>
      <c r="Q12" s="258"/>
      <c r="R12" s="258"/>
      <c r="S12" s="258"/>
      <c r="T12" s="258"/>
      <c r="U12" s="258"/>
      <c r="V12" s="258"/>
      <c r="W12" s="258"/>
      <c r="X12" s="258"/>
      <c r="Y12" s="258"/>
      <c r="Z12" s="258"/>
      <c r="AA12" s="258"/>
      <c r="AB12" s="258"/>
      <c r="AC12" s="258"/>
      <c r="AD12" s="258"/>
      <c r="AE12" s="258"/>
      <c r="AF12" s="177"/>
    </row>
    <row r="13" spans="1:32" ht="18.75" customHeight="1">
      <c r="A13" s="190"/>
      <c r="B13" s="183"/>
      <c r="C13" s="156"/>
      <c r="D13" s="162"/>
      <c r="E13" s="145"/>
      <c r="F13" s="276"/>
      <c r="G13" s="141"/>
      <c r="H13" s="310"/>
      <c r="I13" s="290"/>
      <c r="J13" s="291"/>
      <c r="K13" s="291"/>
      <c r="L13" s="290"/>
      <c r="M13" s="291"/>
      <c r="N13" s="291"/>
      <c r="O13" s="260"/>
      <c r="P13" s="260"/>
      <c r="Q13" s="260"/>
      <c r="R13" s="260"/>
      <c r="S13" s="260"/>
      <c r="T13" s="260"/>
      <c r="U13" s="260"/>
      <c r="V13" s="260"/>
      <c r="W13" s="260"/>
      <c r="X13" s="260"/>
      <c r="Y13" s="260"/>
      <c r="Z13" s="260"/>
      <c r="AA13" s="260"/>
      <c r="AB13" s="260"/>
      <c r="AC13" s="260"/>
      <c r="AD13" s="260"/>
      <c r="AE13" s="260"/>
      <c r="AF13" s="180"/>
    </row>
    <row r="14" spans="1:32" ht="18.75" customHeight="1">
      <c r="A14" s="190"/>
      <c r="B14" s="183"/>
      <c r="C14" s="156"/>
      <c r="D14" s="256" t="s">
        <v>236</v>
      </c>
      <c r="E14" s="145" t="s">
        <v>215</v>
      </c>
      <c r="F14" s="276"/>
      <c r="G14" s="141"/>
      <c r="H14" s="309" t="s">
        <v>156</v>
      </c>
      <c r="I14" s="297" t="s">
        <v>236</v>
      </c>
      <c r="J14" s="296" t="s">
        <v>208</v>
      </c>
      <c r="K14" s="296"/>
      <c r="L14" s="297" t="s">
        <v>236</v>
      </c>
      <c r="M14" s="296" t="s">
        <v>218</v>
      </c>
      <c r="N14" s="296"/>
      <c r="O14" s="258"/>
      <c r="P14" s="258"/>
      <c r="Q14" s="258"/>
      <c r="R14" s="258"/>
      <c r="S14" s="258"/>
      <c r="T14" s="258"/>
      <c r="U14" s="258"/>
      <c r="V14" s="258"/>
      <c r="W14" s="258"/>
      <c r="X14" s="258"/>
      <c r="Y14" s="258"/>
      <c r="Z14" s="258"/>
      <c r="AA14" s="258"/>
      <c r="AB14" s="258"/>
      <c r="AC14" s="258"/>
      <c r="AD14" s="258"/>
      <c r="AE14" s="258"/>
      <c r="AF14" s="177"/>
    </row>
    <row r="15" spans="1:32" ht="18.75" customHeight="1">
      <c r="A15" s="256" t="s">
        <v>236</v>
      </c>
      <c r="B15" s="183">
        <v>11</v>
      </c>
      <c r="C15" s="156" t="s">
        <v>2</v>
      </c>
      <c r="D15" s="256" t="s">
        <v>236</v>
      </c>
      <c r="E15" s="145" t="s">
        <v>213</v>
      </c>
      <c r="F15" s="276"/>
      <c r="G15" s="141"/>
      <c r="H15" s="310"/>
      <c r="I15" s="290"/>
      <c r="J15" s="291"/>
      <c r="K15" s="291"/>
      <c r="L15" s="290"/>
      <c r="M15" s="291"/>
      <c r="N15" s="291"/>
      <c r="O15" s="260"/>
      <c r="P15" s="260"/>
      <c r="Q15" s="260"/>
      <c r="R15" s="260"/>
      <c r="S15" s="260"/>
      <c r="T15" s="260"/>
      <c r="U15" s="260"/>
      <c r="V15" s="260"/>
      <c r="W15" s="260"/>
      <c r="X15" s="260"/>
      <c r="Y15" s="260"/>
      <c r="Z15" s="260"/>
      <c r="AA15" s="260"/>
      <c r="AB15" s="260"/>
      <c r="AC15" s="260"/>
      <c r="AD15" s="260"/>
      <c r="AE15" s="260"/>
      <c r="AF15" s="180"/>
    </row>
    <row r="16" spans="1:32" ht="18.75" customHeight="1">
      <c r="A16" s="190"/>
      <c r="B16" s="183"/>
      <c r="C16" s="156"/>
      <c r="D16" s="256" t="s">
        <v>236</v>
      </c>
      <c r="E16" s="145" t="s">
        <v>214</v>
      </c>
      <c r="F16" s="276"/>
      <c r="G16" s="141"/>
      <c r="H16" s="185" t="s">
        <v>105</v>
      </c>
      <c r="I16" s="257" t="s">
        <v>236</v>
      </c>
      <c r="J16" s="174" t="s">
        <v>208</v>
      </c>
      <c r="K16" s="175"/>
      <c r="L16" s="261" t="s">
        <v>236</v>
      </c>
      <c r="M16" s="174" t="s">
        <v>218</v>
      </c>
      <c r="N16" s="171"/>
      <c r="O16" s="159"/>
      <c r="P16" s="159"/>
      <c r="Q16" s="159"/>
      <c r="R16" s="159"/>
      <c r="S16" s="159"/>
      <c r="T16" s="159"/>
      <c r="U16" s="159"/>
      <c r="V16" s="159"/>
      <c r="W16" s="159"/>
      <c r="X16" s="159"/>
      <c r="Y16" s="159"/>
      <c r="Z16" s="159"/>
      <c r="AA16" s="159"/>
      <c r="AB16" s="159"/>
      <c r="AC16" s="159"/>
      <c r="AD16" s="159"/>
      <c r="AE16" s="159"/>
      <c r="AF16" s="188"/>
    </row>
    <row r="17" spans="1:32" ht="18.75" customHeight="1">
      <c r="A17" s="190"/>
      <c r="B17" s="183"/>
      <c r="C17" s="156"/>
      <c r="D17" s="162"/>
      <c r="E17" s="145"/>
      <c r="F17" s="276"/>
      <c r="G17" s="141"/>
      <c r="H17" s="309" t="s">
        <v>180</v>
      </c>
      <c r="I17" s="289" t="s">
        <v>236</v>
      </c>
      <c r="J17" s="285" t="s">
        <v>211</v>
      </c>
      <c r="K17" s="285"/>
      <c r="L17" s="285"/>
      <c r="M17" s="289" t="s">
        <v>236</v>
      </c>
      <c r="N17" s="285" t="s">
        <v>212</v>
      </c>
      <c r="O17" s="285"/>
      <c r="P17" s="285"/>
      <c r="Q17" s="165"/>
      <c r="R17" s="165"/>
      <c r="S17" s="165"/>
      <c r="T17" s="165"/>
      <c r="U17" s="165"/>
      <c r="V17" s="165"/>
      <c r="W17" s="165"/>
      <c r="X17" s="165"/>
      <c r="Y17" s="165"/>
      <c r="Z17" s="165"/>
      <c r="AA17" s="165"/>
      <c r="AB17" s="165"/>
      <c r="AC17" s="165"/>
      <c r="AD17" s="165"/>
      <c r="AE17" s="165"/>
      <c r="AF17" s="166"/>
    </row>
    <row r="18" spans="1:32" ht="18.75" customHeight="1">
      <c r="A18" s="190"/>
      <c r="B18" s="183"/>
      <c r="C18" s="156"/>
      <c r="D18" s="162"/>
      <c r="E18" s="145"/>
      <c r="F18" s="276"/>
      <c r="G18" s="141"/>
      <c r="H18" s="310"/>
      <c r="I18" s="290"/>
      <c r="J18" s="291"/>
      <c r="K18" s="291"/>
      <c r="L18" s="291"/>
      <c r="M18" s="290"/>
      <c r="N18" s="291"/>
      <c r="O18" s="291"/>
      <c r="P18" s="291"/>
      <c r="Q18" s="167"/>
      <c r="R18" s="167"/>
      <c r="S18" s="167"/>
      <c r="T18" s="167"/>
      <c r="U18" s="167"/>
      <c r="V18" s="167"/>
      <c r="W18" s="167"/>
      <c r="X18" s="167"/>
      <c r="Y18" s="167"/>
      <c r="Z18" s="167"/>
      <c r="AA18" s="167"/>
      <c r="AB18" s="167"/>
      <c r="AC18" s="167"/>
      <c r="AD18" s="167"/>
      <c r="AE18" s="167"/>
      <c r="AF18" s="168"/>
    </row>
    <row r="19" spans="1:32" ht="18.75" customHeight="1">
      <c r="A19" s="190"/>
      <c r="B19" s="183"/>
      <c r="C19" s="156"/>
      <c r="D19" s="162"/>
      <c r="E19" s="145"/>
      <c r="F19" s="276"/>
      <c r="G19" s="141"/>
      <c r="H19" s="309" t="s">
        <v>181</v>
      </c>
      <c r="I19" s="289" t="s">
        <v>236</v>
      </c>
      <c r="J19" s="285" t="s">
        <v>211</v>
      </c>
      <c r="K19" s="285"/>
      <c r="L19" s="285"/>
      <c r="M19" s="289" t="s">
        <v>236</v>
      </c>
      <c r="N19" s="285" t="s">
        <v>212</v>
      </c>
      <c r="O19" s="285"/>
      <c r="P19" s="285"/>
      <c r="Q19" s="165"/>
      <c r="R19" s="165"/>
      <c r="S19" s="165"/>
      <c r="T19" s="165"/>
      <c r="U19" s="165"/>
      <c r="V19" s="165"/>
      <c r="W19" s="165"/>
      <c r="X19" s="165"/>
      <c r="Y19" s="165"/>
      <c r="Z19" s="165"/>
      <c r="AA19" s="165"/>
      <c r="AB19" s="165"/>
      <c r="AC19" s="165"/>
      <c r="AD19" s="165"/>
      <c r="AE19" s="165"/>
      <c r="AF19" s="166"/>
    </row>
    <row r="20" spans="1:32" ht="18.75" customHeight="1">
      <c r="A20" s="190"/>
      <c r="B20" s="183"/>
      <c r="C20" s="156"/>
      <c r="D20" s="162"/>
      <c r="E20" s="145"/>
      <c r="F20" s="276"/>
      <c r="G20" s="141"/>
      <c r="H20" s="310"/>
      <c r="I20" s="290"/>
      <c r="J20" s="291"/>
      <c r="K20" s="291"/>
      <c r="L20" s="291"/>
      <c r="M20" s="290"/>
      <c r="N20" s="291"/>
      <c r="O20" s="291"/>
      <c r="P20" s="291"/>
      <c r="Q20" s="167"/>
      <c r="R20" s="167"/>
      <c r="S20" s="167"/>
      <c r="T20" s="167"/>
      <c r="U20" s="167"/>
      <c r="V20" s="167"/>
      <c r="W20" s="167"/>
      <c r="X20" s="167"/>
      <c r="Y20" s="167"/>
      <c r="Z20" s="167"/>
      <c r="AA20" s="167"/>
      <c r="AB20" s="167"/>
      <c r="AC20" s="167"/>
      <c r="AD20" s="167"/>
      <c r="AE20" s="167"/>
      <c r="AF20" s="168"/>
    </row>
    <row r="21" spans="1:32" ht="18.75" customHeight="1">
      <c r="A21" s="191"/>
      <c r="B21" s="268"/>
      <c r="C21" s="157"/>
      <c r="D21" s="150"/>
      <c r="E21" s="147"/>
      <c r="F21" s="277"/>
      <c r="G21" s="176"/>
      <c r="H21" s="154" t="s">
        <v>112</v>
      </c>
      <c r="I21" s="201" t="s">
        <v>236</v>
      </c>
      <c r="J21" s="113" t="s">
        <v>208</v>
      </c>
      <c r="K21" s="113"/>
      <c r="L21" s="202" t="s">
        <v>236</v>
      </c>
      <c r="M21" s="113" t="s">
        <v>209</v>
      </c>
      <c r="N21" s="113"/>
      <c r="O21" s="202" t="s">
        <v>236</v>
      </c>
      <c r="P21" s="113" t="s">
        <v>210</v>
      </c>
      <c r="Q21" s="160"/>
      <c r="R21" s="160"/>
      <c r="S21" s="160"/>
      <c r="T21" s="160"/>
      <c r="U21" s="160"/>
      <c r="V21" s="160"/>
      <c r="W21" s="160"/>
      <c r="X21" s="160"/>
      <c r="Y21" s="160"/>
      <c r="Z21" s="160"/>
      <c r="AA21" s="160"/>
      <c r="AB21" s="160"/>
      <c r="AC21" s="160"/>
      <c r="AD21" s="160"/>
      <c r="AE21" s="160"/>
      <c r="AF21" s="161"/>
    </row>
    <row r="22" spans="1:32" ht="18.75" customHeight="1">
      <c r="A22" s="110"/>
      <c r="B22" s="266"/>
      <c r="C22" s="155"/>
      <c r="D22" s="148"/>
      <c r="E22" s="164"/>
      <c r="F22" s="275"/>
      <c r="G22" s="112"/>
      <c r="H22" s="211" t="s">
        <v>124</v>
      </c>
      <c r="I22" s="257" t="s">
        <v>236</v>
      </c>
      <c r="J22" s="174" t="s">
        <v>208</v>
      </c>
      <c r="K22" s="175"/>
      <c r="L22" s="261" t="s">
        <v>236</v>
      </c>
      <c r="M22" s="174" t="s">
        <v>218</v>
      </c>
      <c r="N22" s="175"/>
      <c r="O22" s="167"/>
      <c r="P22" s="167"/>
      <c r="Q22" s="167"/>
      <c r="R22" s="167"/>
      <c r="S22" s="167"/>
      <c r="T22" s="167"/>
      <c r="U22" s="167"/>
      <c r="V22" s="167"/>
      <c r="W22" s="167"/>
      <c r="X22" s="167"/>
      <c r="Y22" s="167"/>
      <c r="Z22" s="167"/>
      <c r="AA22" s="167"/>
      <c r="AB22" s="167"/>
      <c r="AC22" s="167"/>
      <c r="AD22" s="167"/>
      <c r="AE22" s="167"/>
      <c r="AF22" s="168"/>
    </row>
    <row r="23" spans="1:32" ht="18.75" customHeight="1">
      <c r="A23" s="190"/>
      <c r="B23" s="183"/>
      <c r="C23" s="156"/>
      <c r="D23" s="256" t="s">
        <v>236</v>
      </c>
      <c r="E23" s="145" t="s">
        <v>222</v>
      </c>
      <c r="F23" s="276"/>
      <c r="G23" s="208"/>
      <c r="H23" s="309" t="s">
        <v>180</v>
      </c>
      <c r="I23" s="289" t="s">
        <v>236</v>
      </c>
      <c r="J23" s="285" t="s">
        <v>211</v>
      </c>
      <c r="K23" s="285"/>
      <c r="L23" s="285"/>
      <c r="M23" s="289" t="s">
        <v>236</v>
      </c>
      <c r="N23" s="285" t="s">
        <v>212</v>
      </c>
      <c r="O23" s="285"/>
      <c r="P23" s="285"/>
      <c r="Q23" s="165"/>
      <c r="R23" s="165"/>
      <c r="S23" s="165"/>
      <c r="T23" s="165"/>
      <c r="U23" s="165"/>
      <c r="V23" s="165"/>
      <c r="W23" s="165"/>
      <c r="X23" s="165"/>
      <c r="Y23" s="165"/>
      <c r="Z23" s="165"/>
      <c r="AA23" s="165"/>
      <c r="AB23" s="165"/>
      <c r="AC23" s="165"/>
      <c r="AD23" s="165"/>
      <c r="AE23" s="165"/>
      <c r="AF23" s="166"/>
    </row>
    <row r="24" spans="1:32" ht="18.75" customHeight="1">
      <c r="A24" s="256" t="s">
        <v>236</v>
      </c>
      <c r="B24" s="183">
        <v>13</v>
      </c>
      <c r="C24" s="156" t="s">
        <v>4</v>
      </c>
      <c r="D24" s="256" t="s">
        <v>236</v>
      </c>
      <c r="E24" s="145" t="s">
        <v>221</v>
      </c>
      <c r="F24" s="276"/>
      <c r="G24" s="208"/>
      <c r="H24" s="310"/>
      <c r="I24" s="290"/>
      <c r="J24" s="291"/>
      <c r="K24" s="291"/>
      <c r="L24" s="291"/>
      <c r="M24" s="290"/>
      <c r="N24" s="291"/>
      <c r="O24" s="291"/>
      <c r="P24" s="291"/>
      <c r="Q24" s="167"/>
      <c r="R24" s="167"/>
      <c r="S24" s="167"/>
      <c r="T24" s="167"/>
      <c r="U24" s="167"/>
      <c r="V24" s="167"/>
      <c r="W24" s="167"/>
      <c r="X24" s="167"/>
      <c r="Y24" s="167"/>
      <c r="Z24" s="167"/>
      <c r="AA24" s="167"/>
      <c r="AB24" s="167"/>
      <c r="AC24" s="167"/>
      <c r="AD24" s="167"/>
      <c r="AE24" s="167"/>
      <c r="AF24" s="168"/>
    </row>
    <row r="25" spans="1:32" ht="18.75" customHeight="1">
      <c r="A25" s="190"/>
      <c r="B25" s="183"/>
      <c r="C25" s="156"/>
      <c r="D25" s="256" t="s">
        <v>236</v>
      </c>
      <c r="E25" s="145" t="s">
        <v>237</v>
      </c>
      <c r="F25" s="276"/>
      <c r="G25" s="208"/>
      <c r="H25" s="309" t="s">
        <v>181</v>
      </c>
      <c r="I25" s="289" t="s">
        <v>236</v>
      </c>
      <c r="J25" s="285" t="s">
        <v>211</v>
      </c>
      <c r="K25" s="285"/>
      <c r="L25" s="285"/>
      <c r="M25" s="289" t="s">
        <v>236</v>
      </c>
      <c r="N25" s="285" t="s">
        <v>212</v>
      </c>
      <c r="O25" s="285"/>
      <c r="P25" s="285"/>
      <c r="Q25" s="165"/>
      <c r="R25" s="165"/>
      <c r="S25" s="165"/>
      <c r="T25" s="165"/>
      <c r="U25" s="165"/>
      <c r="V25" s="165"/>
      <c r="W25" s="165"/>
      <c r="X25" s="165"/>
      <c r="Y25" s="165"/>
      <c r="Z25" s="165"/>
      <c r="AA25" s="165"/>
      <c r="AB25" s="165"/>
      <c r="AC25" s="165"/>
      <c r="AD25" s="165"/>
      <c r="AE25" s="165"/>
      <c r="AF25" s="166"/>
    </row>
    <row r="26" spans="1:32" ht="18.75" customHeight="1">
      <c r="A26" s="191"/>
      <c r="B26" s="268"/>
      <c r="C26" s="157"/>
      <c r="D26" s="150"/>
      <c r="E26" s="147"/>
      <c r="F26" s="277"/>
      <c r="G26" s="207"/>
      <c r="H26" s="311"/>
      <c r="I26" s="290"/>
      <c r="J26" s="291"/>
      <c r="K26" s="291"/>
      <c r="L26" s="291"/>
      <c r="M26" s="290"/>
      <c r="N26" s="291"/>
      <c r="O26" s="291"/>
      <c r="P26" s="291"/>
      <c r="Q26" s="167"/>
      <c r="R26" s="167"/>
      <c r="S26" s="167"/>
      <c r="T26" s="167"/>
      <c r="U26" s="167"/>
      <c r="V26" s="167"/>
      <c r="W26" s="167"/>
      <c r="X26" s="167"/>
      <c r="Y26" s="167"/>
      <c r="Z26" s="167"/>
      <c r="AA26" s="167"/>
      <c r="AB26" s="167"/>
      <c r="AC26" s="167"/>
      <c r="AD26" s="167"/>
      <c r="AE26" s="167"/>
      <c r="AF26" s="168"/>
    </row>
    <row r="27" spans="1:32" ht="18.75" customHeight="1">
      <c r="A27" s="110"/>
      <c r="B27" s="266"/>
      <c r="C27" s="155"/>
      <c r="D27" s="110"/>
      <c r="E27" s="164"/>
      <c r="F27" s="275"/>
      <c r="G27" s="112"/>
      <c r="H27" s="262" t="s">
        <v>105</v>
      </c>
      <c r="I27" s="257" t="s">
        <v>236</v>
      </c>
      <c r="J27" s="174" t="s">
        <v>208</v>
      </c>
      <c r="K27" s="175"/>
      <c r="L27" s="261" t="s">
        <v>236</v>
      </c>
      <c r="M27" s="174" t="s">
        <v>218</v>
      </c>
      <c r="N27" s="175"/>
      <c r="O27" s="167"/>
      <c r="P27" s="199"/>
      <c r="Q27" s="199"/>
      <c r="R27" s="199"/>
      <c r="S27" s="199"/>
      <c r="T27" s="199"/>
      <c r="U27" s="199"/>
      <c r="V27" s="199"/>
      <c r="W27" s="199"/>
      <c r="X27" s="199"/>
      <c r="Y27" s="199"/>
      <c r="Z27" s="199"/>
      <c r="AA27" s="199"/>
      <c r="AB27" s="199"/>
      <c r="AC27" s="199"/>
      <c r="AD27" s="199"/>
      <c r="AE27" s="199"/>
      <c r="AF27" s="206"/>
    </row>
    <row r="28" spans="1:32" ht="18.75" customHeight="1">
      <c r="A28" s="190"/>
      <c r="B28" s="183"/>
      <c r="C28" s="156"/>
      <c r="D28" s="190"/>
      <c r="E28" s="145"/>
      <c r="F28" s="276"/>
      <c r="G28" s="141"/>
      <c r="H28" s="287" t="s">
        <v>180</v>
      </c>
      <c r="I28" s="289" t="s">
        <v>236</v>
      </c>
      <c r="J28" s="285" t="s">
        <v>211</v>
      </c>
      <c r="K28" s="285"/>
      <c r="L28" s="285"/>
      <c r="M28" s="289" t="s">
        <v>236</v>
      </c>
      <c r="N28" s="285" t="s">
        <v>212</v>
      </c>
      <c r="O28" s="285"/>
      <c r="P28" s="285"/>
      <c r="Q28" s="165"/>
      <c r="R28" s="165"/>
      <c r="S28" s="165"/>
      <c r="T28" s="165"/>
      <c r="U28" s="165"/>
      <c r="V28" s="165"/>
      <c r="W28" s="165"/>
      <c r="X28" s="165"/>
      <c r="Y28" s="165"/>
      <c r="Z28" s="165"/>
      <c r="AA28" s="165"/>
      <c r="AB28" s="165"/>
      <c r="AC28" s="165"/>
      <c r="AD28" s="165"/>
      <c r="AE28" s="165"/>
      <c r="AF28" s="166"/>
    </row>
    <row r="29" spans="1:32" ht="18.75" customHeight="1">
      <c r="A29" s="190"/>
      <c r="B29" s="183"/>
      <c r="C29" s="156"/>
      <c r="D29" s="256" t="s">
        <v>236</v>
      </c>
      <c r="E29" s="145" t="s">
        <v>238</v>
      </c>
      <c r="F29" s="276"/>
      <c r="G29" s="141"/>
      <c r="H29" s="288"/>
      <c r="I29" s="290"/>
      <c r="J29" s="291"/>
      <c r="K29" s="291"/>
      <c r="L29" s="291"/>
      <c r="M29" s="290"/>
      <c r="N29" s="291"/>
      <c r="O29" s="291"/>
      <c r="P29" s="291"/>
      <c r="Q29" s="167"/>
      <c r="R29" s="167"/>
      <c r="S29" s="167"/>
      <c r="T29" s="167"/>
      <c r="U29" s="167"/>
      <c r="V29" s="167"/>
      <c r="W29" s="167"/>
      <c r="X29" s="167"/>
      <c r="Y29" s="167"/>
      <c r="Z29" s="167"/>
      <c r="AA29" s="167"/>
      <c r="AB29" s="167"/>
      <c r="AC29" s="167"/>
      <c r="AD29" s="167"/>
      <c r="AE29" s="167"/>
      <c r="AF29" s="168"/>
    </row>
    <row r="30" spans="1:32" ht="18.75" customHeight="1">
      <c r="A30" s="256" t="s">
        <v>236</v>
      </c>
      <c r="B30" s="183">
        <v>14</v>
      </c>
      <c r="C30" s="156" t="s">
        <v>182</v>
      </c>
      <c r="D30" s="256" t="s">
        <v>236</v>
      </c>
      <c r="E30" s="145" t="s">
        <v>227</v>
      </c>
      <c r="F30" s="276"/>
      <c r="G30" s="141"/>
      <c r="H30" s="287" t="s">
        <v>181</v>
      </c>
      <c r="I30" s="289" t="s">
        <v>236</v>
      </c>
      <c r="J30" s="285" t="s">
        <v>211</v>
      </c>
      <c r="K30" s="285"/>
      <c r="L30" s="285"/>
      <c r="M30" s="289" t="s">
        <v>236</v>
      </c>
      <c r="N30" s="285" t="s">
        <v>212</v>
      </c>
      <c r="O30" s="285"/>
      <c r="P30" s="285"/>
      <c r="Q30" s="165"/>
      <c r="R30" s="165"/>
      <c r="S30" s="165"/>
      <c r="T30" s="165"/>
      <c r="U30" s="165"/>
      <c r="V30" s="165"/>
      <c r="W30" s="165"/>
      <c r="X30" s="165"/>
      <c r="Y30" s="165"/>
      <c r="Z30" s="165"/>
      <c r="AA30" s="165"/>
      <c r="AB30" s="165"/>
      <c r="AC30" s="165"/>
      <c r="AD30" s="165"/>
      <c r="AE30" s="165"/>
      <c r="AF30" s="166"/>
    </row>
    <row r="31" spans="1:32" ht="18.75" customHeight="1">
      <c r="A31" s="190"/>
      <c r="B31" s="183"/>
      <c r="C31" s="156"/>
      <c r="D31" s="256" t="s">
        <v>236</v>
      </c>
      <c r="E31" s="145" t="s">
        <v>228</v>
      </c>
      <c r="F31" s="276"/>
      <c r="G31" s="141"/>
      <c r="H31" s="288"/>
      <c r="I31" s="290"/>
      <c r="J31" s="291"/>
      <c r="K31" s="291"/>
      <c r="L31" s="291"/>
      <c r="M31" s="290"/>
      <c r="N31" s="291"/>
      <c r="O31" s="291"/>
      <c r="P31" s="291"/>
      <c r="Q31" s="167"/>
      <c r="R31" s="167"/>
      <c r="S31" s="167"/>
      <c r="T31" s="167"/>
      <c r="U31" s="167"/>
      <c r="V31" s="167"/>
      <c r="W31" s="167"/>
      <c r="X31" s="167"/>
      <c r="Y31" s="167"/>
      <c r="Z31" s="167"/>
      <c r="AA31" s="167"/>
      <c r="AB31" s="167"/>
      <c r="AC31" s="167"/>
      <c r="AD31" s="167"/>
      <c r="AE31" s="167"/>
      <c r="AF31" s="168"/>
    </row>
    <row r="32" spans="1:32" ht="18.75" customHeight="1">
      <c r="A32" s="190"/>
      <c r="B32" s="183"/>
      <c r="C32" s="156"/>
      <c r="D32" s="190"/>
      <c r="E32" s="145"/>
      <c r="F32" s="276"/>
      <c r="G32" s="141"/>
      <c r="H32" s="263" t="s">
        <v>121</v>
      </c>
      <c r="I32" s="197" t="s">
        <v>236</v>
      </c>
      <c r="J32" s="172" t="s">
        <v>208</v>
      </c>
      <c r="K32" s="172"/>
      <c r="L32" s="196" t="s">
        <v>236</v>
      </c>
      <c r="M32" s="172" t="s">
        <v>223</v>
      </c>
      <c r="N32" s="172"/>
      <c r="O32" s="172"/>
      <c r="P32" s="196" t="s">
        <v>236</v>
      </c>
      <c r="Q32" s="172" t="s">
        <v>224</v>
      </c>
      <c r="R32" s="172"/>
      <c r="S32" s="172"/>
      <c r="T32" s="196" t="s">
        <v>236</v>
      </c>
      <c r="U32" s="172" t="s">
        <v>225</v>
      </c>
      <c r="V32" s="172"/>
      <c r="W32" s="172"/>
      <c r="X32" s="196" t="s">
        <v>236</v>
      </c>
      <c r="Y32" s="172" t="s">
        <v>226</v>
      </c>
      <c r="Z32" s="172"/>
      <c r="AA32" s="172"/>
      <c r="AB32" s="172"/>
      <c r="AC32" s="172"/>
      <c r="AD32" s="172"/>
      <c r="AE32" s="172"/>
      <c r="AF32" s="173"/>
    </row>
    <row r="33" spans="1:32" ht="18.75" customHeight="1">
      <c r="A33" s="191"/>
      <c r="B33" s="268"/>
      <c r="C33" s="157"/>
      <c r="D33" s="191"/>
      <c r="E33" s="147"/>
      <c r="F33" s="277"/>
      <c r="G33" s="176"/>
      <c r="H33" s="144" t="s">
        <v>188</v>
      </c>
      <c r="I33" s="201" t="s">
        <v>236</v>
      </c>
      <c r="J33" s="113" t="s">
        <v>208</v>
      </c>
      <c r="K33" s="194"/>
      <c r="L33" s="202" t="s">
        <v>236</v>
      </c>
      <c r="M33" s="113" t="s">
        <v>218</v>
      </c>
      <c r="N33" s="194"/>
      <c r="O33" s="113"/>
      <c r="P33" s="113"/>
      <c r="Q33" s="113"/>
      <c r="R33" s="113"/>
      <c r="S33" s="113"/>
      <c r="T33" s="113"/>
      <c r="U33" s="113"/>
      <c r="V33" s="113"/>
      <c r="W33" s="113"/>
      <c r="X33" s="113"/>
      <c r="Y33" s="113"/>
      <c r="Z33" s="113"/>
      <c r="AA33" s="113"/>
      <c r="AB33" s="113"/>
      <c r="AC33" s="113"/>
      <c r="AD33" s="113"/>
      <c r="AE33" s="113"/>
      <c r="AF33" s="114"/>
    </row>
    <row r="34" spans="1:32" ht="18.75" customHeight="1">
      <c r="A34" s="110"/>
      <c r="B34" s="266"/>
      <c r="C34" s="269"/>
      <c r="D34" s="275"/>
      <c r="E34" s="164"/>
      <c r="F34" s="275"/>
      <c r="G34" s="112"/>
      <c r="H34" s="262" t="s">
        <v>106</v>
      </c>
      <c r="I34" s="198" t="s">
        <v>236</v>
      </c>
      <c r="J34" s="169" t="s">
        <v>208</v>
      </c>
      <c r="K34" s="169"/>
      <c r="L34" s="274"/>
      <c r="M34" s="200" t="s">
        <v>236</v>
      </c>
      <c r="N34" s="169" t="s">
        <v>229</v>
      </c>
      <c r="O34" s="169"/>
      <c r="P34" s="274"/>
      <c r="Q34" s="200" t="s">
        <v>236</v>
      </c>
      <c r="R34" s="274" t="s">
        <v>230</v>
      </c>
      <c r="S34" s="274"/>
      <c r="T34" s="158"/>
      <c r="U34" s="158"/>
      <c r="V34" s="158"/>
      <c r="W34" s="158"/>
      <c r="X34" s="158"/>
      <c r="Y34" s="158"/>
      <c r="Z34" s="158"/>
      <c r="AA34" s="158"/>
      <c r="AB34" s="158"/>
      <c r="AC34" s="158"/>
      <c r="AD34" s="158"/>
      <c r="AE34" s="158"/>
      <c r="AF34" s="187"/>
    </row>
    <row r="35" spans="1:32" ht="18.75" customHeight="1">
      <c r="A35" s="190"/>
      <c r="B35" s="183"/>
      <c r="C35" s="156"/>
      <c r="D35" s="162"/>
      <c r="E35" s="145"/>
      <c r="F35" s="276"/>
      <c r="G35" s="208"/>
      <c r="H35" s="263" t="s">
        <v>107</v>
      </c>
      <c r="I35" s="195" t="s">
        <v>236</v>
      </c>
      <c r="J35" s="172" t="s">
        <v>216</v>
      </c>
      <c r="K35" s="171"/>
      <c r="L35" s="254"/>
      <c r="M35" s="196" t="s">
        <v>236</v>
      </c>
      <c r="N35" s="172" t="s">
        <v>217</v>
      </c>
      <c r="O35" s="171"/>
      <c r="P35" s="159"/>
      <c r="Q35" s="159"/>
      <c r="R35" s="159"/>
      <c r="S35" s="159"/>
      <c r="T35" s="159"/>
      <c r="U35" s="159"/>
      <c r="V35" s="159"/>
      <c r="W35" s="159"/>
      <c r="X35" s="159"/>
      <c r="Y35" s="159"/>
      <c r="Z35" s="159"/>
      <c r="AA35" s="159"/>
      <c r="AB35" s="159"/>
      <c r="AC35" s="159"/>
      <c r="AD35" s="159"/>
      <c r="AE35" s="159"/>
      <c r="AF35" s="188"/>
    </row>
    <row r="36" spans="1:32" ht="18.75" customHeight="1">
      <c r="A36" s="190"/>
      <c r="B36" s="183"/>
      <c r="C36" s="156"/>
      <c r="D36" s="162"/>
      <c r="E36" s="145"/>
      <c r="F36" s="276"/>
      <c r="G36" s="208"/>
      <c r="H36" s="287" t="s">
        <v>157</v>
      </c>
      <c r="I36" s="297" t="s">
        <v>236</v>
      </c>
      <c r="J36" s="296" t="s">
        <v>208</v>
      </c>
      <c r="K36" s="296"/>
      <c r="L36" s="297" t="s">
        <v>236</v>
      </c>
      <c r="M36" s="296" t="s">
        <v>218</v>
      </c>
      <c r="N36" s="296"/>
      <c r="O36" s="258"/>
      <c r="P36" s="258"/>
      <c r="Q36" s="258"/>
      <c r="R36" s="258"/>
      <c r="S36" s="258"/>
      <c r="T36" s="258"/>
      <c r="U36" s="258"/>
      <c r="V36" s="258"/>
      <c r="W36" s="258"/>
      <c r="X36" s="258"/>
      <c r="Y36" s="258"/>
      <c r="Z36" s="258"/>
      <c r="AA36" s="258"/>
      <c r="AB36" s="258"/>
      <c r="AC36" s="258"/>
      <c r="AD36" s="258"/>
      <c r="AE36" s="258"/>
      <c r="AF36" s="177"/>
    </row>
    <row r="37" spans="1:32" ht="18.75" customHeight="1">
      <c r="A37" s="190"/>
      <c r="B37" s="183"/>
      <c r="C37" s="156"/>
      <c r="D37" s="162"/>
      <c r="E37" s="145"/>
      <c r="F37" s="276"/>
      <c r="G37" s="208"/>
      <c r="H37" s="288"/>
      <c r="I37" s="290"/>
      <c r="J37" s="291"/>
      <c r="K37" s="291"/>
      <c r="L37" s="290"/>
      <c r="M37" s="291"/>
      <c r="N37" s="291"/>
      <c r="O37" s="260"/>
      <c r="P37" s="260"/>
      <c r="Q37" s="260"/>
      <c r="R37" s="260"/>
      <c r="S37" s="260"/>
      <c r="T37" s="260"/>
      <c r="U37" s="260"/>
      <c r="V37" s="260"/>
      <c r="W37" s="260"/>
      <c r="X37" s="260"/>
      <c r="Y37" s="260"/>
      <c r="Z37" s="260"/>
      <c r="AA37" s="260"/>
      <c r="AB37" s="260"/>
      <c r="AC37" s="260"/>
      <c r="AD37" s="260"/>
      <c r="AE37" s="260"/>
      <c r="AF37" s="180"/>
    </row>
    <row r="38" spans="1:32" ht="18.75" customHeight="1">
      <c r="A38" s="190"/>
      <c r="B38" s="183"/>
      <c r="C38" s="156"/>
      <c r="D38" s="162"/>
      <c r="E38" s="145"/>
      <c r="F38" s="276"/>
      <c r="G38" s="208"/>
      <c r="H38" s="287" t="s">
        <v>158</v>
      </c>
      <c r="I38" s="297" t="s">
        <v>236</v>
      </c>
      <c r="J38" s="296" t="s">
        <v>208</v>
      </c>
      <c r="K38" s="296"/>
      <c r="L38" s="297" t="s">
        <v>236</v>
      </c>
      <c r="M38" s="296" t="s">
        <v>218</v>
      </c>
      <c r="N38" s="296"/>
      <c r="O38" s="258"/>
      <c r="P38" s="258"/>
      <c r="Q38" s="258"/>
      <c r="R38" s="258"/>
      <c r="S38" s="258"/>
      <c r="T38" s="258"/>
      <c r="U38" s="258"/>
      <c r="V38" s="258"/>
      <c r="W38" s="258"/>
      <c r="X38" s="258"/>
      <c r="Y38" s="258"/>
      <c r="Z38" s="258"/>
      <c r="AA38" s="258"/>
      <c r="AB38" s="258"/>
      <c r="AC38" s="258"/>
      <c r="AD38" s="258"/>
      <c r="AE38" s="258"/>
      <c r="AF38" s="177"/>
    </row>
    <row r="39" spans="1:32" ht="18.75" customHeight="1">
      <c r="A39" s="190"/>
      <c r="B39" s="183"/>
      <c r="C39" s="156"/>
      <c r="D39" s="162"/>
      <c r="E39" s="145"/>
      <c r="F39" s="276"/>
      <c r="G39" s="208"/>
      <c r="H39" s="288"/>
      <c r="I39" s="290"/>
      <c r="J39" s="291"/>
      <c r="K39" s="291"/>
      <c r="L39" s="290"/>
      <c r="M39" s="291"/>
      <c r="N39" s="291"/>
      <c r="O39" s="260"/>
      <c r="P39" s="260"/>
      <c r="Q39" s="260"/>
      <c r="R39" s="260"/>
      <c r="S39" s="260"/>
      <c r="T39" s="260"/>
      <c r="U39" s="260"/>
      <c r="V39" s="260"/>
      <c r="W39" s="260"/>
      <c r="X39" s="260"/>
      <c r="Y39" s="260"/>
      <c r="Z39" s="260"/>
      <c r="AA39" s="260"/>
      <c r="AB39" s="260"/>
      <c r="AC39" s="260"/>
      <c r="AD39" s="260"/>
      <c r="AE39" s="260"/>
      <c r="AF39" s="180"/>
    </row>
    <row r="40" spans="1:32" ht="18.75" customHeight="1">
      <c r="A40" s="190"/>
      <c r="B40" s="183"/>
      <c r="C40" s="156"/>
      <c r="D40" s="162"/>
      <c r="E40" s="145"/>
      <c r="F40" s="276"/>
      <c r="G40" s="208"/>
      <c r="H40" s="287" t="s">
        <v>159</v>
      </c>
      <c r="I40" s="297" t="s">
        <v>236</v>
      </c>
      <c r="J40" s="296" t="s">
        <v>208</v>
      </c>
      <c r="K40" s="296"/>
      <c r="L40" s="297" t="s">
        <v>236</v>
      </c>
      <c r="M40" s="296" t="s">
        <v>218</v>
      </c>
      <c r="N40" s="296"/>
      <c r="O40" s="258"/>
      <c r="P40" s="258"/>
      <c r="Q40" s="258"/>
      <c r="R40" s="258"/>
      <c r="S40" s="258"/>
      <c r="T40" s="258"/>
      <c r="U40" s="258"/>
      <c r="V40" s="258"/>
      <c r="W40" s="258"/>
      <c r="X40" s="258"/>
      <c r="Y40" s="258"/>
      <c r="Z40" s="258"/>
      <c r="AA40" s="258"/>
      <c r="AB40" s="258"/>
      <c r="AC40" s="258"/>
      <c r="AD40" s="258"/>
      <c r="AE40" s="258"/>
      <c r="AF40" s="177"/>
    </row>
    <row r="41" spans="1:32" ht="18.75" customHeight="1">
      <c r="A41" s="190"/>
      <c r="B41" s="183"/>
      <c r="C41" s="156"/>
      <c r="D41" s="162"/>
      <c r="E41" s="145"/>
      <c r="F41" s="276"/>
      <c r="G41" s="208"/>
      <c r="H41" s="288"/>
      <c r="I41" s="290"/>
      <c r="J41" s="291"/>
      <c r="K41" s="291"/>
      <c r="L41" s="290"/>
      <c r="M41" s="291"/>
      <c r="N41" s="291"/>
      <c r="O41" s="260"/>
      <c r="P41" s="260"/>
      <c r="Q41" s="260"/>
      <c r="R41" s="260"/>
      <c r="S41" s="260"/>
      <c r="T41" s="260"/>
      <c r="U41" s="260"/>
      <c r="V41" s="260"/>
      <c r="W41" s="260"/>
      <c r="X41" s="260"/>
      <c r="Y41" s="260"/>
      <c r="Z41" s="260"/>
      <c r="AA41" s="260"/>
      <c r="AB41" s="260"/>
      <c r="AC41" s="260"/>
      <c r="AD41" s="260"/>
      <c r="AE41" s="260"/>
      <c r="AF41" s="180"/>
    </row>
    <row r="42" spans="1:32" ht="18.75" customHeight="1">
      <c r="A42" s="190"/>
      <c r="B42" s="183"/>
      <c r="C42" s="156"/>
      <c r="D42" s="162"/>
      <c r="E42" s="145"/>
      <c r="F42" s="276"/>
      <c r="G42" s="208"/>
      <c r="H42" s="287" t="s">
        <v>160</v>
      </c>
      <c r="I42" s="297" t="s">
        <v>236</v>
      </c>
      <c r="J42" s="296" t="s">
        <v>208</v>
      </c>
      <c r="K42" s="296"/>
      <c r="L42" s="297" t="s">
        <v>236</v>
      </c>
      <c r="M42" s="296" t="s">
        <v>218</v>
      </c>
      <c r="N42" s="296"/>
      <c r="O42" s="258"/>
      <c r="P42" s="258"/>
      <c r="Q42" s="258"/>
      <c r="R42" s="258"/>
      <c r="S42" s="258"/>
      <c r="T42" s="258"/>
      <c r="U42" s="258"/>
      <c r="V42" s="258"/>
      <c r="W42" s="258"/>
      <c r="X42" s="258"/>
      <c r="Y42" s="258"/>
      <c r="Z42" s="258"/>
      <c r="AA42" s="258"/>
      <c r="AB42" s="258"/>
      <c r="AC42" s="258"/>
      <c r="AD42" s="258"/>
      <c r="AE42" s="258"/>
      <c r="AF42" s="177"/>
    </row>
    <row r="43" spans="1:32" ht="18.75" customHeight="1">
      <c r="A43" s="190"/>
      <c r="B43" s="183"/>
      <c r="C43" s="156"/>
      <c r="D43" s="256" t="s">
        <v>236</v>
      </c>
      <c r="E43" s="145" t="s">
        <v>233</v>
      </c>
      <c r="F43" s="276"/>
      <c r="G43" s="208"/>
      <c r="H43" s="288"/>
      <c r="I43" s="290"/>
      <c r="J43" s="291"/>
      <c r="K43" s="291"/>
      <c r="L43" s="290"/>
      <c r="M43" s="291"/>
      <c r="N43" s="291"/>
      <c r="O43" s="260"/>
      <c r="P43" s="260"/>
      <c r="Q43" s="260"/>
      <c r="R43" s="260"/>
      <c r="S43" s="260"/>
      <c r="T43" s="260"/>
      <c r="U43" s="260"/>
      <c r="V43" s="260"/>
      <c r="W43" s="260"/>
      <c r="X43" s="260"/>
      <c r="Y43" s="260"/>
      <c r="Z43" s="260"/>
      <c r="AA43" s="260"/>
      <c r="AB43" s="260"/>
      <c r="AC43" s="260"/>
      <c r="AD43" s="260"/>
      <c r="AE43" s="260"/>
      <c r="AF43" s="180"/>
    </row>
    <row r="44" spans="1:32" ht="18.75" customHeight="1">
      <c r="A44" s="256" t="s">
        <v>236</v>
      </c>
      <c r="B44" s="183">
        <v>15</v>
      </c>
      <c r="C44" s="270" t="s">
        <v>5</v>
      </c>
      <c r="D44" s="256" t="s">
        <v>236</v>
      </c>
      <c r="E44" s="145" t="s">
        <v>234</v>
      </c>
      <c r="F44" s="276"/>
      <c r="G44" s="208"/>
      <c r="H44" s="184" t="s">
        <v>154</v>
      </c>
      <c r="I44" s="257" t="s">
        <v>236</v>
      </c>
      <c r="J44" s="174" t="s">
        <v>208</v>
      </c>
      <c r="K44" s="175"/>
      <c r="L44" s="261" t="s">
        <v>236</v>
      </c>
      <c r="M44" s="174" t="s">
        <v>218</v>
      </c>
      <c r="N44" s="175"/>
      <c r="O44" s="254"/>
      <c r="P44" s="254"/>
      <c r="Q44" s="254"/>
      <c r="R44" s="254"/>
      <c r="S44" s="254"/>
      <c r="T44" s="254"/>
      <c r="U44" s="254"/>
      <c r="V44" s="254"/>
      <c r="W44" s="254"/>
      <c r="X44" s="254"/>
      <c r="Y44" s="254"/>
      <c r="Z44" s="254"/>
      <c r="AA44" s="254"/>
      <c r="AB44" s="254"/>
      <c r="AC44" s="254"/>
      <c r="AD44" s="254"/>
      <c r="AE44" s="254"/>
      <c r="AF44" s="186"/>
    </row>
    <row r="45" spans="1:32" ht="18.75" customHeight="1">
      <c r="A45" s="190"/>
      <c r="B45" s="183"/>
      <c r="C45" s="156"/>
      <c r="D45" s="256" t="s">
        <v>236</v>
      </c>
      <c r="E45" s="145" t="s">
        <v>235</v>
      </c>
      <c r="F45" s="276"/>
      <c r="G45" s="208"/>
      <c r="H45" s="255" t="s">
        <v>186</v>
      </c>
      <c r="I45" s="195" t="s">
        <v>236</v>
      </c>
      <c r="J45" s="172" t="s">
        <v>208</v>
      </c>
      <c r="K45" s="172"/>
      <c r="L45" s="196" t="s">
        <v>236</v>
      </c>
      <c r="M45" s="172" t="s">
        <v>209</v>
      </c>
      <c r="N45" s="172"/>
      <c r="O45" s="196" t="s">
        <v>236</v>
      </c>
      <c r="P45" s="172" t="s">
        <v>210</v>
      </c>
      <c r="Q45" s="159"/>
      <c r="R45" s="181"/>
      <c r="S45" s="181"/>
      <c r="T45" s="181"/>
      <c r="U45" s="181"/>
      <c r="V45" s="181"/>
      <c r="W45" s="181"/>
      <c r="X45" s="181"/>
      <c r="Y45" s="181"/>
      <c r="Z45" s="181"/>
      <c r="AA45" s="181"/>
      <c r="AB45" s="181"/>
      <c r="AC45" s="181"/>
      <c r="AD45" s="181"/>
      <c r="AE45" s="181"/>
      <c r="AF45" s="182"/>
    </row>
    <row r="46" spans="1:32" ht="18.75" customHeight="1">
      <c r="A46" s="190"/>
      <c r="B46" s="183"/>
      <c r="C46" s="156"/>
      <c r="D46" s="162"/>
      <c r="E46" s="145"/>
      <c r="F46" s="276"/>
      <c r="G46" s="208"/>
      <c r="H46" s="255" t="s">
        <v>161</v>
      </c>
      <c r="I46" s="257" t="s">
        <v>236</v>
      </c>
      <c r="J46" s="174" t="s">
        <v>208</v>
      </c>
      <c r="K46" s="175"/>
      <c r="L46" s="261" t="s">
        <v>236</v>
      </c>
      <c r="M46" s="174" t="s">
        <v>218</v>
      </c>
      <c r="N46" s="175"/>
      <c r="O46" s="159"/>
      <c r="P46" s="159"/>
      <c r="Q46" s="159"/>
      <c r="R46" s="159"/>
      <c r="S46" s="159"/>
      <c r="T46" s="159"/>
      <c r="U46" s="159"/>
      <c r="V46" s="159"/>
      <c r="W46" s="159"/>
      <c r="X46" s="159"/>
      <c r="Y46" s="159"/>
      <c r="Z46" s="159"/>
      <c r="AA46" s="159"/>
      <c r="AB46" s="159"/>
      <c r="AC46" s="159"/>
      <c r="AD46" s="159"/>
      <c r="AE46" s="159"/>
      <c r="AF46" s="188"/>
    </row>
    <row r="47" spans="1:32" ht="18.75" customHeight="1">
      <c r="A47" s="190"/>
      <c r="B47" s="183"/>
      <c r="C47" s="156"/>
      <c r="D47" s="162"/>
      <c r="E47" s="145"/>
      <c r="F47" s="276"/>
      <c r="G47" s="208"/>
      <c r="H47" s="255" t="s">
        <v>153</v>
      </c>
      <c r="I47" s="195" t="s">
        <v>236</v>
      </c>
      <c r="J47" s="172" t="s">
        <v>208</v>
      </c>
      <c r="K47" s="172"/>
      <c r="L47" s="196" t="s">
        <v>236</v>
      </c>
      <c r="M47" s="172" t="s">
        <v>219</v>
      </c>
      <c r="N47" s="172"/>
      <c r="O47" s="196" t="s">
        <v>236</v>
      </c>
      <c r="P47" s="172" t="s">
        <v>220</v>
      </c>
      <c r="Q47" s="159"/>
      <c r="R47" s="254"/>
      <c r="S47" s="254"/>
      <c r="T47" s="254"/>
      <c r="U47" s="254"/>
      <c r="V47" s="254"/>
      <c r="W47" s="254"/>
      <c r="X47" s="254"/>
      <c r="Y47" s="254"/>
      <c r="Z47" s="254"/>
      <c r="AA47" s="254"/>
      <c r="AB47" s="254"/>
      <c r="AC47" s="254"/>
      <c r="AD47" s="254"/>
      <c r="AE47" s="254"/>
      <c r="AF47" s="186"/>
    </row>
    <row r="48" spans="1:32" ht="18.75" customHeight="1">
      <c r="A48" s="190"/>
      <c r="B48" s="183"/>
      <c r="C48" s="156"/>
      <c r="D48" s="162"/>
      <c r="E48" s="145"/>
      <c r="F48" s="276"/>
      <c r="G48" s="208"/>
      <c r="H48" s="255" t="s">
        <v>178</v>
      </c>
      <c r="I48" s="195" t="s">
        <v>236</v>
      </c>
      <c r="J48" s="172" t="s">
        <v>208</v>
      </c>
      <c r="K48" s="172"/>
      <c r="L48" s="196" t="s">
        <v>236</v>
      </c>
      <c r="M48" s="172" t="s">
        <v>231</v>
      </c>
      <c r="N48" s="254"/>
      <c r="O48" s="254"/>
      <c r="P48" s="196" t="s">
        <v>236</v>
      </c>
      <c r="Q48" s="172" t="s">
        <v>232</v>
      </c>
      <c r="R48" s="254"/>
      <c r="S48" s="254"/>
      <c r="T48" s="254"/>
      <c r="U48" s="254"/>
      <c r="V48" s="254"/>
      <c r="W48" s="254"/>
      <c r="X48" s="254"/>
      <c r="Y48" s="254"/>
      <c r="Z48" s="254"/>
      <c r="AA48" s="254"/>
      <c r="AB48" s="254"/>
      <c r="AC48" s="254"/>
      <c r="AD48" s="254"/>
      <c r="AE48" s="254"/>
      <c r="AF48" s="186"/>
    </row>
    <row r="49" spans="1:32" ht="18.75" customHeight="1">
      <c r="A49" s="190"/>
      <c r="B49" s="183"/>
      <c r="C49" s="156"/>
      <c r="D49" s="162"/>
      <c r="E49" s="145"/>
      <c r="F49" s="276"/>
      <c r="G49" s="208"/>
      <c r="H49" s="255" t="s">
        <v>175</v>
      </c>
      <c r="I49" s="257" t="s">
        <v>236</v>
      </c>
      <c r="J49" s="174" t="s">
        <v>208</v>
      </c>
      <c r="K49" s="175"/>
      <c r="L49" s="261" t="s">
        <v>236</v>
      </c>
      <c r="M49" s="174" t="s">
        <v>218</v>
      </c>
      <c r="N49" s="175"/>
      <c r="O49" s="254"/>
      <c r="P49" s="254"/>
      <c r="Q49" s="254"/>
      <c r="R49" s="254"/>
      <c r="S49" s="254"/>
      <c r="T49" s="254"/>
      <c r="U49" s="254"/>
      <c r="V49" s="254"/>
      <c r="W49" s="254"/>
      <c r="X49" s="254"/>
      <c r="Y49" s="254"/>
      <c r="Z49" s="254"/>
      <c r="AA49" s="254"/>
      <c r="AB49" s="254"/>
      <c r="AC49" s="254"/>
      <c r="AD49" s="254"/>
      <c r="AE49" s="254"/>
      <c r="AF49" s="186"/>
    </row>
    <row r="50" spans="1:32" ht="18.75" customHeight="1">
      <c r="A50" s="190"/>
      <c r="B50" s="183"/>
      <c r="C50" s="156"/>
      <c r="D50" s="162"/>
      <c r="E50" s="145"/>
      <c r="F50" s="276"/>
      <c r="G50" s="208"/>
      <c r="H50" s="255" t="s">
        <v>187</v>
      </c>
      <c r="I50" s="257" t="s">
        <v>236</v>
      </c>
      <c r="J50" s="174" t="s">
        <v>208</v>
      </c>
      <c r="K50" s="175"/>
      <c r="L50" s="261" t="s">
        <v>236</v>
      </c>
      <c r="M50" s="174" t="s">
        <v>218</v>
      </c>
      <c r="N50" s="175"/>
      <c r="O50" s="254"/>
      <c r="P50" s="254"/>
      <c r="Q50" s="254"/>
      <c r="R50" s="254"/>
      <c r="S50" s="254"/>
      <c r="T50" s="254"/>
      <c r="U50" s="254"/>
      <c r="V50" s="254"/>
      <c r="W50" s="254"/>
      <c r="X50" s="254"/>
      <c r="Y50" s="254"/>
      <c r="Z50" s="254"/>
      <c r="AA50" s="254"/>
      <c r="AB50" s="254"/>
      <c r="AC50" s="254"/>
      <c r="AD50" s="254"/>
      <c r="AE50" s="254"/>
      <c r="AF50" s="186"/>
    </row>
    <row r="51" spans="1:32" ht="18.75" customHeight="1">
      <c r="A51" s="190"/>
      <c r="B51" s="183"/>
      <c r="C51" s="156"/>
      <c r="D51" s="162"/>
      <c r="E51" s="145"/>
      <c r="F51" s="276"/>
      <c r="G51" s="208"/>
      <c r="H51" s="263" t="s">
        <v>120</v>
      </c>
      <c r="I51" s="257" t="s">
        <v>236</v>
      </c>
      <c r="J51" s="174" t="s">
        <v>208</v>
      </c>
      <c r="K51" s="175"/>
      <c r="L51" s="261" t="s">
        <v>236</v>
      </c>
      <c r="M51" s="174" t="s">
        <v>218</v>
      </c>
      <c r="N51" s="175"/>
      <c r="O51" s="159"/>
      <c r="P51" s="159"/>
      <c r="Q51" s="159"/>
      <c r="R51" s="159"/>
      <c r="S51" s="159"/>
      <c r="T51" s="159"/>
      <c r="U51" s="159"/>
      <c r="V51" s="159"/>
      <c r="W51" s="159"/>
      <c r="X51" s="159"/>
      <c r="Y51" s="159"/>
      <c r="Z51" s="159"/>
      <c r="AA51" s="159"/>
      <c r="AB51" s="159"/>
      <c r="AC51" s="159"/>
      <c r="AD51" s="159"/>
      <c r="AE51" s="159"/>
      <c r="AF51" s="188"/>
    </row>
    <row r="52" spans="1:32" ht="18.75" customHeight="1">
      <c r="A52" s="190"/>
      <c r="B52" s="183"/>
      <c r="C52" s="156"/>
      <c r="D52" s="162"/>
      <c r="E52" s="145"/>
      <c r="F52" s="276"/>
      <c r="G52" s="208"/>
      <c r="H52" s="263" t="s">
        <v>111</v>
      </c>
      <c r="I52" s="257" t="s">
        <v>236</v>
      </c>
      <c r="J52" s="174" t="s">
        <v>208</v>
      </c>
      <c r="K52" s="175"/>
      <c r="L52" s="261" t="s">
        <v>236</v>
      </c>
      <c r="M52" s="174" t="s">
        <v>218</v>
      </c>
      <c r="N52" s="175"/>
      <c r="O52" s="159"/>
      <c r="P52" s="159"/>
      <c r="Q52" s="159"/>
      <c r="R52" s="159"/>
      <c r="S52" s="159"/>
      <c r="T52" s="159"/>
      <c r="U52" s="159"/>
      <c r="V52" s="159"/>
      <c r="W52" s="159"/>
      <c r="X52" s="159"/>
      <c r="Y52" s="159"/>
      <c r="Z52" s="159"/>
      <c r="AA52" s="159"/>
      <c r="AB52" s="159"/>
      <c r="AC52" s="159"/>
      <c r="AD52" s="159"/>
      <c r="AE52" s="159"/>
      <c r="AF52" s="188"/>
    </row>
    <row r="53" spans="1:32" ht="18.75" customHeight="1">
      <c r="A53" s="190"/>
      <c r="B53" s="183"/>
      <c r="C53" s="156"/>
      <c r="D53" s="162"/>
      <c r="E53" s="145"/>
      <c r="F53" s="276"/>
      <c r="G53" s="208"/>
      <c r="H53" s="89" t="s">
        <v>189</v>
      </c>
      <c r="I53" s="257" t="s">
        <v>236</v>
      </c>
      <c r="J53" s="174" t="s">
        <v>208</v>
      </c>
      <c r="K53" s="175"/>
      <c r="L53" s="261" t="s">
        <v>236</v>
      </c>
      <c r="M53" s="174" t="s">
        <v>218</v>
      </c>
      <c r="N53" s="175"/>
      <c r="O53" s="159"/>
      <c r="P53" s="159"/>
      <c r="Q53" s="159"/>
      <c r="R53" s="159"/>
      <c r="S53" s="159"/>
      <c r="T53" s="159"/>
      <c r="U53" s="159"/>
      <c r="V53" s="159"/>
      <c r="W53" s="159"/>
      <c r="X53" s="159"/>
      <c r="Y53" s="159"/>
      <c r="Z53" s="159"/>
      <c r="AA53" s="159"/>
      <c r="AB53" s="159"/>
      <c r="AC53" s="159"/>
      <c r="AD53" s="159"/>
      <c r="AE53" s="159"/>
      <c r="AF53" s="188"/>
    </row>
    <row r="54" spans="1:32" ht="18.75" customHeight="1">
      <c r="A54" s="190"/>
      <c r="B54" s="183"/>
      <c r="C54" s="156"/>
      <c r="D54" s="162"/>
      <c r="E54" s="145"/>
      <c r="F54" s="276"/>
      <c r="G54" s="208"/>
      <c r="H54" s="255" t="s">
        <v>179</v>
      </c>
      <c r="I54" s="257" t="s">
        <v>236</v>
      </c>
      <c r="J54" s="174" t="s">
        <v>208</v>
      </c>
      <c r="K54" s="175"/>
      <c r="L54" s="261" t="s">
        <v>236</v>
      </c>
      <c r="M54" s="174" t="s">
        <v>218</v>
      </c>
      <c r="N54" s="175"/>
      <c r="O54" s="172"/>
      <c r="P54" s="172"/>
      <c r="Q54" s="172"/>
      <c r="R54" s="172"/>
      <c r="S54" s="172"/>
      <c r="T54" s="172"/>
      <c r="U54" s="172"/>
      <c r="V54" s="172"/>
      <c r="W54" s="172"/>
      <c r="X54" s="172"/>
      <c r="Y54" s="172"/>
      <c r="Z54" s="172"/>
      <c r="AA54" s="172"/>
      <c r="AB54" s="172"/>
      <c r="AC54" s="172"/>
      <c r="AD54" s="172"/>
      <c r="AE54" s="172"/>
      <c r="AF54" s="173"/>
    </row>
    <row r="55" spans="1:32" ht="18.75" customHeight="1">
      <c r="A55" s="191"/>
      <c r="B55" s="268"/>
      <c r="C55" s="157"/>
      <c r="D55" s="150"/>
      <c r="E55" s="147"/>
      <c r="F55" s="277"/>
      <c r="G55" s="207"/>
      <c r="H55" s="144" t="s">
        <v>177</v>
      </c>
      <c r="I55" s="201" t="s">
        <v>236</v>
      </c>
      <c r="J55" s="113" t="s">
        <v>208</v>
      </c>
      <c r="K55" s="194"/>
      <c r="L55" s="202" t="s">
        <v>236</v>
      </c>
      <c r="M55" s="113" t="s">
        <v>218</v>
      </c>
      <c r="N55" s="194"/>
      <c r="O55" s="113"/>
      <c r="P55" s="113"/>
      <c r="Q55" s="113"/>
      <c r="R55" s="113"/>
      <c r="S55" s="113"/>
      <c r="T55" s="113"/>
      <c r="U55" s="113"/>
      <c r="V55" s="113"/>
      <c r="W55" s="113"/>
      <c r="X55" s="113"/>
      <c r="Y55" s="113"/>
      <c r="Z55" s="113"/>
      <c r="AA55" s="113"/>
      <c r="AB55" s="113"/>
      <c r="AC55" s="113"/>
      <c r="AD55" s="113"/>
      <c r="AE55" s="113"/>
      <c r="AF55" s="114"/>
    </row>
    <row r="56" spans="1:32" ht="8.25" customHeight="1">
      <c r="A56" s="152"/>
      <c r="B56" s="152"/>
      <c r="G56" s="143"/>
      <c r="H56" s="143"/>
      <c r="I56" s="143"/>
      <c r="J56" s="143"/>
      <c r="K56" s="143"/>
      <c r="L56" s="143"/>
      <c r="M56" s="143"/>
      <c r="N56" s="143"/>
      <c r="O56" s="143"/>
      <c r="P56" s="143"/>
      <c r="Q56" s="143"/>
      <c r="R56" s="143"/>
      <c r="S56" s="143"/>
      <c r="T56" s="143"/>
      <c r="U56" s="143"/>
      <c r="V56" s="143"/>
      <c r="W56" s="143"/>
      <c r="X56" s="143"/>
      <c r="Y56" s="143"/>
      <c r="Z56" s="143"/>
      <c r="AA56" s="143"/>
      <c r="AB56" s="143"/>
    </row>
    <row r="57" spans="1:32" ht="20.25" customHeight="1">
      <c r="A57" s="152"/>
      <c r="B57" s="152"/>
      <c r="C57" s="143" t="s">
        <v>172</v>
      </c>
      <c r="D57" s="143"/>
      <c r="E57" s="88"/>
      <c r="F57" s="88"/>
      <c r="G57" s="88"/>
      <c r="H57" s="88"/>
      <c r="I57" s="88"/>
      <c r="J57" s="88"/>
      <c r="K57" s="88"/>
      <c r="L57" s="88"/>
      <c r="M57" s="88"/>
      <c r="N57" s="88"/>
      <c r="O57" s="88"/>
      <c r="P57" s="88"/>
      <c r="Q57" s="88"/>
      <c r="R57" s="88"/>
      <c r="S57" s="88"/>
      <c r="T57" s="88"/>
      <c r="U57" s="88"/>
      <c r="V57" s="88"/>
    </row>
  </sheetData>
  <mergeCells count="69">
    <mergeCell ref="A2:AF2"/>
    <mergeCell ref="S4:V4"/>
    <mergeCell ref="A6:C6"/>
    <mergeCell ref="D6:E6"/>
    <mergeCell ref="F6:G6"/>
    <mergeCell ref="H6:AF6"/>
    <mergeCell ref="A7:C8"/>
    <mergeCell ref="H7:H8"/>
    <mergeCell ref="H9:H11"/>
    <mergeCell ref="H12:H13"/>
    <mergeCell ref="I12:I13"/>
    <mergeCell ref="L12:L13"/>
    <mergeCell ref="M12:N13"/>
    <mergeCell ref="H14:H15"/>
    <mergeCell ref="I14:I15"/>
    <mergeCell ref="J14:K15"/>
    <mergeCell ref="L14:L15"/>
    <mergeCell ref="M14:N15"/>
    <mergeCell ref="J12:K13"/>
    <mergeCell ref="H19:H20"/>
    <mergeCell ref="I19:I20"/>
    <mergeCell ref="J19:L20"/>
    <mergeCell ref="M19:M20"/>
    <mergeCell ref="N19:P20"/>
    <mergeCell ref="H17:H18"/>
    <mergeCell ref="I17:I18"/>
    <mergeCell ref="J17:L18"/>
    <mergeCell ref="M17:M18"/>
    <mergeCell ref="N17:P18"/>
    <mergeCell ref="H25:H26"/>
    <mergeCell ref="I25:I26"/>
    <mergeCell ref="J25:L26"/>
    <mergeCell ref="M25:M26"/>
    <mergeCell ref="N25:P26"/>
    <mergeCell ref="H23:H24"/>
    <mergeCell ref="I23:I24"/>
    <mergeCell ref="J23:L24"/>
    <mergeCell ref="M23:M24"/>
    <mergeCell ref="N23:P24"/>
    <mergeCell ref="H30:H31"/>
    <mergeCell ref="I30:I31"/>
    <mergeCell ref="J30:L31"/>
    <mergeCell ref="M30:M31"/>
    <mergeCell ref="N30:P31"/>
    <mergeCell ref="H28:H29"/>
    <mergeCell ref="I28:I29"/>
    <mergeCell ref="J28:L29"/>
    <mergeCell ref="M28:M29"/>
    <mergeCell ref="N28:P29"/>
    <mergeCell ref="H38:H39"/>
    <mergeCell ref="I38:I39"/>
    <mergeCell ref="J38:K39"/>
    <mergeCell ref="L38:L39"/>
    <mergeCell ref="M38:N39"/>
    <mergeCell ref="H36:H37"/>
    <mergeCell ref="I36:I37"/>
    <mergeCell ref="J36:K37"/>
    <mergeCell ref="L36:L37"/>
    <mergeCell ref="M36:N37"/>
    <mergeCell ref="H42:H43"/>
    <mergeCell ref="I42:I43"/>
    <mergeCell ref="J42:K43"/>
    <mergeCell ref="L42:L43"/>
    <mergeCell ref="M42:N43"/>
    <mergeCell ref="H40:H41"/>
    <mergeCell ref="I40:I41"/>
    <mergeCell ref="J40:K41"/>
    <mergeCell ref="L40:L41"/>
    <mergeCell ref="M40:N41"/>
  </mergeCells>
  <phoneticPr fontId="6"/>
  <dataValidations count="1">
    <dataValidation type="list" allowBlank="1" showInputMessage="1" showErrorMessage="1" sqref="D43:D45 A44 M7:M8 Q7:Q8 U7:U8 L12:L16 M17:M20 L21:L22 O21 M23:M26 L27 M28:M31 L32:L33 P32 T32 X32 D14:D16 D23:D25 D29:D31 A15 A24 A30 Q34 M34:M35 I7:I55 L36:L55 O45 O47 P48">
      <formula1>"□,■"</formula1>
    </dataValidation>
  </dataValidations>
  <printOptions horizontalCentered="1"/>
  <pageMargins left="0.23622047244094491" right="0.23622047244094491" top="0.55118110236220474" bottom="0.55118110236220474" header="0.31496062992125984" footer="0.31496062992125984"/>
  <pageSetup paperSize="9" scale="57" fitToHeight="0" orientation="landscape" cellComments="asDisplayed" r:id="rId1"/>
  <headerFooter alignWithMargins="0"/>
  <rowBreaks count="1" manualBreakCount="1">
    <brk id="33"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65"/>
  <sheetViews>
    <sheetView view="pageBreakPreview" zoomScaleNormal="100" zoomScaleSheetLayoutView="100" workbookViewId="0">
      <selection activeCell="B15" sqref="B15"/>
    </sheetView>
  </sheetViews>
  <sheetFormatPr defaultRowHeight="20.25" customHeight="1"/>
  <cols>
    <col min="1" max="1" width="2.375" style="249" customWidth="1"/>
    <col min="2" max="2" width="25" style="248" bestFit="1" customWidth="1"/>
    <col min="3" max="3" width="41.75" style="248" customWidth="1"/>
    <col min="4" max="4" width="15.25" style="248" customWidth="1"/>
    <col min="5" max="5" width="44.25" style="248" customWidth="1"/>
    <col min="6" max="6" width="42" style="248" customWidth="1"/>
    <col min="7" max="7" width="22.5" style="248" customWidth="1"/>
    <col min="8" max="12" width="5.375" style="248" customWidth="1"/>
    <col min="13" max="13" width="6.5" style="248" customWidth="1"/>
    <col min="14" max="17" width="5.375" style="248" customWidth="1"/>
    <col min="18" max="16384" width="9" style="248"/>
  </cols>
  <sheetData>
    <row r="1" spans="1:11" ht="20.25" customHeight="1">
      <c r="A1" s="105"/>
      <c r="B1" s="102" t="s">
        <v>27</v>
      </c>
      <c r="C1" s="105"/>
      <c r="D1" s="105"/>
      <c r="E1" s="105"/>
      <c r="F1" s="105"/>
      <c r="G1" s="105"/>
      <c r="H1" s="105"/>
      <c r="I1" s="105"/>
      <c r="J1" s="105"/>
      <c r="K1" s="105"/>
    </row>
    <row r="3" spans="1:11" ht="20.25" customHeight="1">
      <c r="A3" s="152"/>
      <c r="B3" s="89" t="s">
        <v>313</v>
      </c>
      <c r="C3" s="88"/>
      <c r="D3" s="88"/>
      <c r="E3" s="88"/>
      <c r="F3" s="88"/>
      <c r="G3" s="88"/>
      <c r="H3" s="88"/>
      <c r="I3" s="88"/>
      <c r="J3" s="88"/>
      <c r="K3" s="88"/>
    </row>
    <row r="4" spans="1:11" ht="20.25" customHeight="1">
      <c r="A4" s="152"/>
      <c r="B4" s="89" t="s">
        <v>324</v>
      </c>
      <c r="C4" s="88"/>
      <c r="D4" s="88"/>
      <c r="E4" s="88"/>
      <c r="F4" s="88"/>
      <c r="G4" s="88"/>
      <c r="H4" s="88"/>
      <c r="I4" s="88"/>
      <c r="J4" s="88"/>
      <c r="K4" s="88"/>
    </row>
    <row r="5" spans="1:11" ht="20.25" customHeight="1">
      <c r="A5" s="152"/>
      <c r="B5" s="89" t="s">
        <v>363</v>
      </c>
      <c r="C5" s="88"/>
      <c r="D5" s="88"/>
      <c r="E5" s="88"/>
      <c r="F5" s="88"/>
      <c r="G5" s="88"/>
      <c r="H5" s="88"/>
      <c r="I5" s="88"/>
      <c r="J5" s="88"/>
      <c r="K5" s="88"/>
    </row>
    <row r="6" spans="1:11" ht="20.25" customHeight="1">
      <c r="A6" s="152"/>
      <c r="B6" s="89" t="s">
        <v>325</v>
      </c>
      <c r="C6" s="88"/>
      <c r="D6" s="88"/>
      <c r="E6" s="88"/>
      <c r="F6" s="88"/>
      <c r="G6" s="88"/>
      <c r="H6" s="88"/>
      <c r="I6" s="88"/>
      <c r="J6" s="88"/>
      <c r="K6" s="88"/>
    </row>
    <row r="7" spans="1:11" ht="20.25" customHeight="1">
      <c r="A7" s="152"/>
      <c r="B7" s="89" t="s">
        <v>364</v>
      </c>
      <c r="C7" s="88"/>
      <c r="D7" s="88"/>
      <c r="E7" s="88"/>
      <c r="F7" s="88"/>
      <c r="G7" s="88"/>
      <c r="H7" s="88"/>
      <c r="I7" s="88"/>
      <c r="J7" s="88"/>
      <c r="K7" s="88"/>
    </row>
    <row r="8" spans="1:11" ht="20.25" customHeight="1">
      <c r="A8" s="152"/>
      <c r="B8" s="89" t="s">
        <v>326</v>
      </c>
      <c r="C8" s="88"/>
      <c r="D8" s="88"/>
      <c r="E8" s="88"/>
      <c r="F8" s="88"/>
      <c r="G8" s="88"/>
      <c r="H8" s="88"/>
      <c r="I8" s="88"/>
      <c r="J8" s="88"/>
      <c r="K8" s="88"/>
    </row>
    <row r="9" spans="1:11" ht="20.25" customHeight="1">
      <c r="A9" s="152"/>
      <c r="B9" s="89" t="s">
        <v>328</v>
      </c>
      <c r="C9" s="88"/>
      <c r="D9" s="88"/>
      <c r="E9" s="88"/>
      <c r="F9" s="88"/>
      <c r="G9" s="88"/>
      <c r="H9" s="88"/>
      <c r="I9" s="88"/>
      <c r="J9" s="88"/>
      <c r="K9" s="88"/>
    </row>
    <row r="10" spans="1:11" ht="20.25" customHeight="1">
      <c r="A10" s="152"/>
      <c r="B10" s="89" t="s">
        <v>327</v>
      </c>
      <c r="C10" s="89"/>
      <c r="D10" s="89"/>
      <c r="E10" s="89"/>
      <c r="F10" s="89"/>
      <c r="G10" s="89"/>
      <c r="H10" s="89"/>
      <c r="I10" s="89"/>
      <c r="J10" s="89"/>
      <c r="K10" s="88"/>
    </row>
    <row r="11" spans="1:11" ht="20.25" customHeight="1">
      <c r="A11" s="152"/>
      <c r="B11" s="89" t="s">
        <v>329</v>
      </c>
      <c r="C11" s="88"/>
      <c r="D11" s="88"/>
      <c r="E11" s="88"/>
      <c r="F11" s="88"/>
      <c r="G11" s="88"/>
      <c r="H11" s="88"/>
      <c r="I11" s="88"/>
      <c r="J11" s="88"/>
      <c r="K11" s="88"/>
    </row>
    <row r="12" spans="1:11" ht="20.25" customHeight="1">
      <c r="A12" s="152"/>
      <c r="B12" s="89" t="s">
        <v>330</v>
      </c>
      <c r="C12" s="88"/>
      <c r="D12" s="88"/>
      <c r="E12" s="88"/>
      <c r="F12" s="88"/>
      <c r="G12" s="88"/>
      <c r="H12" s="88"/>
      <c r="I12" s="88"/>
      <c r="J12" s="88"/>
      <c r="K12" s="88"/>
    </row>
    <row r="13" spans="1:11" ht="20.25" customHeight="1">
      <c r="A13" s="152"/>
      <c r="B13" s="89" t="s">
        <v>331</v>
      </c>
      <c r="C13" s="88"/>
      <c r="D13" s="88"/>
      <c r="E13" s="88"/>
      <c r="F13" s="88"/>
      <c r="G13" s="88"/>
      <c r="H13" s="88"/>
      <c r="I13" s="88"/>
      <c r="J13" s="88"/>
      <c r="K13" s="88"/>
    </row>
    <row r="14" spans="1:11" ht="20.25" customHeight="1">
      <c r="A14" s="105"/>
      <c r="B14" s="89" t="s">
        <v>332</v>
      </c>
      <c r="C14" s="105"/>
      <c r="D14" s="105"/>
      <c r="E14" s="105"/>
      <c r="F14" s="105"/>
      <c r="G14" s="105"/>
      <c r="H14" s="105"/>
      <c r="I14" s="105"/>
      <c r="J14" s="105"/>
      <c r="K14" s="105"/>
    </row>
    <row r="15" spans="1:11" ht="20.25" customHeight="1">
      <c r="A15" s="105"/>
      <c r="B15" s="89" t="s">
        <v>333</v>
      </c>
      <c r="C15" s="105"/>
      <c r="D15" s="105"/>
      <c r="E15" s="105"/>
      <c r="F15" s="105"/>
      <c r="G15" s="105"/>
      <c r="H15" s="105"/>
      <c r="I15" s="105"/>
      <c r="J15" s="105"/>
      <c r="K15" s="105"/>
    </row>
    <row r="16" spans="1:11" ht="20.25" customHeight="1">
      <c r="A16" s="105"/>
      <c r="B16" s="89" t="s">
        <v>334</v>
      </c>
      <c r="C16" s="105"/>
      <c r="D16" s="105"/>
      <c r="E16" s="105"/>
      <c r="F16" s="105"/>
      <c r="G16" s="105"/>
      <c r="H16" s="105"/>
      <c r="I16" s="105"/>
      <c r="J16" s="105"/>
      <c r="K16" s="105"/>
    </row>
    <row r="17" spans="1:19" ht="20.25" customHeight="1">
      <c r="A17" s="105"/>
      <c r="B17" s="89" t="s">
        <v>335</v>
      </c>
      <c r="C17" s="105"/>
      <c r="D17" s="105"/>
      <c r="E17" s="105"/>
      <c r="F17" s="105"/>
      <c r="G17" s="105"/>
      <c r="H17" s="105"/>
      <c r="I17" s="105"/>
      <c r="J17" s="105"/>
      <c r="K17" s="105"/>
    </row>
    <row r="18" spans="1:19" ht="20.25" customHeight="1">
      <c r="A18" s="105"/>
      <c r="B18" s="89" t="s">
        <v>314</v>
      </c>
      <c r="C18" s="105"/>
      <c r="D18" s="105"/>
      <c r="E18" s="105"/>
      <c r="F18" s="105"/>
      <c r="G18" s="105"/>
      <c r="H18" s="105"/>
      <c r="I18" s="105"/>
      <c r="J18" s="105"/>
      <c r="K18" s="105"/>
    </row>
    <row r="19" spans="1:19" ht="20.25" customHeight="1">
      <c r="A19" s="105"/>
      <c r="B19" s="89" t="s">
        <v>336</v>
      </c>
      <c r="C19" s="105"/>
      <c r="D19" s="105"/>
      <c r="E19" s="105"/>
      <c r="F19" s="105"/>
      <c r="G19" s="105"/>
      <c r="H19" s="105"/>
      <c r="I19" s="105"/>
      <c r="J19" s="105"/>
      <c r="K19" s="105"/>
    </row>
    <row r="20" spans="1:19" ht="20.25" customHeight="1">
      <c r="A20" s="105"/>
      <c r="B20" s="89" t="s">
        <v>162</v>
      </c>
      <c r="C20" s="105"/>
      <c r="D20" s="105"/>
      <c r="E20" s="105"/>
      <c r="F20" s="105"/>
      <c r="G20" s="105"/>
    </row>
    <row r="21" spans="1:19" ht="20.25" customHeight="1">
      <c r="A21" s="105"/>
      <c r="B21" s="89" t="s">
        <v>315</v>
      </c>
      <c r="C21" s="105"/>
      <c r="D21" s="105"/>
      <c r="E21" s="105"/>
      <c r="F21" s="105"/>
      <c r="G21" s="105"/>
    </row>
    <row r="22" spans="1:19" ht="20.25" customHeight="1">
      <c r="A22" s="105"/>
      <c r="B22" s="89" t="s">
        <v>337</v>
      </c>
      <c r="C22" s="105"/>
      <c r="D22" s="105"/>
      <c r="E22" s="105"/>
      <c r="F22" s="105"/>
      <c r="G22" s="105"/>
    </row>
    <row r="23" spans="1:19" ht="20.25" customHeight="1">
      <c r="A23" s="105"/>
      <c r="B23" s="89" t="s">
        <v>316</v>
      </c>
      <c r="C23" s="105"/>
      <c r="D23" s="105"/>
      <c r="E23" s="105"/>
      <c r="F23" s="105"/>
      <c r="G23" s="105"/>
    </row>
    <row r="24" spans="1:19" s="280" customFormat="1" ht="20.25" customHeight="1">
      <c r="A24" s="105"/>
      <c r="B24" s="89" t="s">
        <v>338</v>
      </c>
      <c r="C24" s="105"/>
      <c r="D24" s="105"/>
      <c r="E24" s="105"/>
      <c r="F24" s="105"/>
      <c r="G24" s="105"/>
    </row>
    <row r="25" spans="1:19" s="280" customFormat="1" ht="20.25" customHeight="1">
      <c r="A25" s="105"/>
      <c r="B25" s="89" t="s">
        <v>339</v>
      </c>
      <c r="C25" s="105"/>
      <c r="D25" s="105"/>
      <c r="E25" s="105"/>
      <c r="F25" s="105"/>
      <c r="G25" s="105"/>
    </row>
    <row r="26" spans="1:19" ht="20.25" customHeight="1">
      <c r="A26" s="105"/>
      <c r="B26" s="89" t="s">
        <v>340</v>
      </c>
      <c r="C26" s="105"/>
      <c r="D26" s="105"/>
      <c r="E26" s="105"/>
      <c r="F26" s="89"/>
      <c r="G26" s="89"/>
      <c r="S26" s="95"/>
    </row>
    <row r="27" spans="1:19" ht="20.25" customHeight="1">
      <c r="A27" s="105"/>
      <c r="B27" s="89" t="s">
        <v>317</v>
      </c>
      <c r="C27" s="105"/>
      <c r="D27" s="105"/>
      <c r="E27" s="105"/>
      <c r="F27" s="105"/>
      <c r="G27" s="105"/>
      <c r="S27" s="95"/>
    </row>
    <row r="28" spans="1:19" ht="20.25" customHeight="1">
      <c r="A28" s="105"/>
      <c r="B28" s="89" t="s">
        <v>341</v>
      </c>
      <c r="C28" s="105"/>
      <c r="D28" s="105"/>
      <c r="E28" s="105"/>
      <c r="F28" s="105"/>
      <c r="G28" s="105"/>
      <c r="S28" s="95"/>
    </row>
    <row r="29" spans="1:19" s="90" customFormat="1" ht="19.5" customHeight="1">
      <c r="A29" s="101"/>
      <c r="B29" s="89" t="s">
        <v>342</v>
      </c>
      <c r="S29" s="95"/>
    </row>
    <row r="30" spans="1:19" s="90" customFormat="1" ht="19.5" customHeight="1">
      <c r="A30" s="101"/>
      <c r="B30" s="89" t="s">
        <v>343</v>
      </c>
      <c r="S30" s="95"/>
    </row>
    <row r="31" spans="1:19" s="90" customFormat="1" ht="19.5" customHeight="1">
      <c r="A31" s="101"/>
      <c r="B31" s="89" t="s">
        <v>344</v>
      </c>
      <c r="S31" s="95"/>
    </row>
    <row r="32" spans="1:19" s="90" customFormat="1" ht="19.5" customHeight="1">
      <c r="A32" s="101"/>
      <c r="B32" s="89" t="s">
        <v>345</v>
      </c>
      <c r="S32" s="95"/>
    </row>
    <row r="33" spans="1:19" s="90" customFormat="1" ht="19.5" customHeight="1">
      <c r="A33" s="101"/>
      <c r="B33" s="89" t="s">
        <v>346</v>
      </c>
      <c r="C33" s="109"/>
      <c r="D33" s="109"/>
      <c r="E33" s="109"/>
      <c r="F33" s="109"/>
      <c r="G33" s="109"/>
      <c r="H33" s="109"/>
      <c r="I33" s="109"/>
      <c r="J33" s="109"/>
      <c r="K33" s="109"/>
      <c r="L33" s="109"/>
      <c r="M33" s="109"/>
      <c r="N33" s="109"/>
      <c r="O33" s="109"/>
      <c r="S33" s="95"/>
    </row>
    <row r="34" spans="1:19" s="90" customFormat="1" ht="19.5" customHeight="1">
      <c r="A34" s="101"/>
      <c r="B34" s="89" t="s">
        <v>347</v>
      </c>
      <c r="S34" s="95"/>
    </row>
    <row r="35" spans="1:19" s="95" customFormat="1" ht="20.25" customHeight="1">
      <c r="A35" s="103"/>
      <c r="B35" s="89" t="s">
        <v>318</v>
      </c>
    </row>
    <row r="36" spans="1:19" ht="20.25" customHeight="1">
      <c r="A36" s="248"/>
      <c r="B36" s="89" t="s">
        <v>319</v>
      </c>
      <c r="C36" s="105"/>
      <c r="D36" s="105"/>
      <c r="E36" s="105"/>
      <c r="F36" s="105"/>
      <c r="G36" s="105"/>
      <c r="S36" s="95"/>
    </row>
    <row r="37" spans="1:19" ht="20.25" customHeight="1">
      <c r="A37" s="248"/>
      <c r="B37" s="89" t="s">
        <v>348</v>
      </c>
      <c r="C37" s="105"/>
      <c r="D37" s="105"/>
      <c r="E37" s="105"/>
      <c r="F37" s="105"/>
      <c r="G37" s="105"/>
      <c r="S37" s="95"/>
    </row>
    <row r="38" spans="1:19" ht="20.25" customHeight="1">
      <c r="A38" s="248"/>
      <c r="B38" s="89" t="s">
        <v>163</v>
      </c>
      <c r="C38" s="105"/>
      <c r="D38" s="105"/>
      <c r="E38" s="105"/>
      <c r="F38" s="105"/>
      <c r="G38" s="105"/>
    </row>
    <row r="39" spans="1:19" ht="20.25" customHeight="1">
      <c r="A39" s="248"/>
      <c r="B39" s="89" t="s">
        <v>164</v>
      </c>
      <c r="C39" s="105"/>
      <c r="D39" s="105"/>
      <c r="E39" s="105"/>
      <c r="F39" s="105"/>
      <c r="G39" s="105"/>
    </row>
    <row r="40" spans="1:19" s="93" customFormat="1" ht="20.25" customHeight="1">
      <c r="B40" s="89" t="s">
        <v>349</v>
      </c>
    </row>
    <row r="41" spans="1:19" s="93" customFormat="1" ht="20.25" customHeight="1">
      <c r="B41" s="89" t="s">
        <v>165</v>
      </c>
    </row>
    <row r="42" spans="1:19" s="93" customFormat="1" ht="20.25" customHeight="1">
      <c r="B42" s="89"/>
    </row>
    <row r="43" spans="1:19" s="93" customFormat="1" ht="20.25" customHeight="1">
      <c r="B43" s="143" t="s">
        <v>109</v>
      </c>
    </row>
    <row r="44" spans="1:19" s="140" customFormat="1" ht="20.25" customHeight="1">
      <c r="B44" s="143" t="s">
        <v>110</v>
      </c>
    </row>
    <row r="45" spans="1:19" s="140" customFormat="1" ht="20.25" customHeight="1">
      <c r="B45" s="143" t="s">
        <v>166</v>
      </c>
    </row>
    <row r="46" spans="1:19" s="140" customFormat="1" ht="20.25" customHeight="1">
      <c r="B46" s="143" t="s">
        <v>167</v>
      </c>
    </row>
    <row r="47" spans="1:19" s="140" customFormat="1" ht="20.25" customHeight="1">
      <c r="B47" s="143" t="s">
        <v>168</v>
      </c>
    </row>
    <row r="48" spans="1:19" s="140" customFormat="1" ht="20.25" customHeight="1">
      <c r="B48" s="143" t="s">
        <v>196</v>
      </c>
    </row>
    <row r="49" spans="1:19" s="140" customFormat="1" ht="20.25" customHeight="1"/>
    <row r="50" spans="1:19" s="140" customFormat="1" ht="20.25" customHeight="1">
      <c r="B50" s="143" t="s">
        <v>350</v>
      </c>
    </row>
    <row r="51" spans="1:19" s="140" customFormat="1" ht="20.25" customHeight="1">
      <c r="B51" s="143" t="s">
        <v>176</v>
      </c>
    </row>
    <row r="52" spans="1:19" s="140" customFormat="1" ht="20.25" customHeight="1">
      <c r="B52" s="143" t="s">
        <v>169</v>
      </c>
    </row>
    <row r="53" spans="1:19" s="140" customFormat="1" ht="20.25" customHeight="1">
      <c r="B53" s="314" t="s">
        <v>351</v>
      </c>
      <c r="C53" s="314"/>
      <c r="D53" s="314"/>
      <c r="E53" s="314"/>
      <c r="F53" s="314"/>
      <c r="G53" s="314"/>
      <c r="S53" s="212"/>
    </row>
    <row r="54" spans="1:19" s="93" customFormat="1" ht="20.25" customHeight="1">
      <c r="B54" s="89" t="s">
        <v>352</v>
      </c>
      <c r="C54" s="90"/>
      <c r="D54" s="90"/>
      <c r="E54" s="90"/>
      <c r="S54" s="213"/>
    </row>
    <row r="55" spans="1:19" s="93" customFormat="1" ht="20.25" customHeight="1">
      <c r="B55" s="89" t="s">
        <v>353</v>
      </c>
      <c r="C55" s="90"/>
      <c r="D55" s="90"/>
      <c r="E55" s="90"/>
      <c r="S55" s="213"/>
    </row>
    <row r="56" spans="1:19" s="93" customFormat="1" ht="35.25" customHeight="1">
      <c r="B56" s="315" t="s">
        <v>354</v>
      </c>
      <c r="C56" s="315"/>
      <c r="D56" s="315"/>
      <c r="E56" s="315"/>
      <c r="F56" s="315"/>
      <c r="G56" s="315"/>
      <c r="H56" s="315"/>
      <c r="I56" s="315"/>
      <c r="J56" s="315"/>
      <c r="K56" s="315"/>
      <c r="L56" s="315"/>
      <c r="M56" s="315"/>
      <c r="N56" s="315"/>
      <c r="O56" s="315"/>
      <c r="P56" s="315"/>
      <c r="Q56" s="315"/>
      <c r="S56" s="213"/>
    </row>
    <row r="57" spans="1:19" s="140" customFormat="1" ht="20.25" customHeight="1">
      <c r="B57" s="316" t="s">
        <v>355</v>
      </c>
      <c r="C57" s="316"/>
      <c r="D57" s="316"/>
      <c r="E57" s="316"/>
      <c r="F57" s="316"/>
      <c r="G57" s="316"/>
      <c r="H57" s="316"/>
      <c r="I57" s="316"/>
      <c r="J57" s="316"/>
      <c r="K57" s="316"/>
      <c r="L57" s="316"/>
      <c r="M57" s="316"/>
      <c r="S57" s="212"/>
    </row>
    <row r="58" spans="1:19" s="140" customFormat="1" ht="20.25" customHeight="1">
      <c r="B58" s="314" t="s">
        <v>356</v>
      </c>
      <c r="C58" s="314"/>
      <c r="D58" s="314"/>
      <c r="E58" s="314"/>
      <c r="F58" s="314"/>
      <c r="G58" s="314"/>
      <c r="S58" s="212"/>
    </row>
    <row r="59" spans="1:19" ht="20.25" customHeight="1">
      <c r="A59" s="152"/>
      <c r="B59" s="89" t="s">
        <v>357</v>
      </c>
      <c r="C59" s="88"/>
      <c r="D59" s="88"/>
      <c r="E59" s="88"/>
      <c r="F59" s="88"/>
      <c r="G59" s="88"/>
      <c r="H59" s="88"/>
      <c r="I59" s="88"/>
      <c r="J59" s="88"/>
      <c r="K59" s="88"/>
    </row>
    <row r="60" spans="1:19" s="140" customFormat="1" ht="20.25" customHeight="1">
      <c r="B60" s="314" t="s">
        <v>358</v>
      </c>
      <c r="C60" s="314"/>
      <c r="D60" s="314"/>
      <c r="E60" s="314"/>
      <c r="F60" s="314"/>
      <c r="G60" s="314"/>
      <c r="S60" s="212"/>
    </row>
    <row r="61" spans="1:19" s="95" customFormat="1" ht="20.25" customHeight="1">
      <c r="A61" s="103"/>
      <c r="B61" s="89" t="s">
        <v>359</v>
      </c>
      <c r="C61" s="93"/>
      <c r="D61" s="93"/>
      <c r="E61" s="93"/>
    </row>
    <row r="62" spans="1:19" s="95" customFormat="1" ht="20.25" customHeight="1">
      <c r="A62" s="103"/>
      <c r="B62" s="89" t="s">
        <v>360</v>
      </c>
      <c r="C62" s="93"/>
      <c r="D62" s="93"/>
      <c r="E62" s="93"/>
    </row>
    <row r="63" spans="1:19" s="95" customFormat="1" ht="20.25" customHeight="1">
      <c r="A63" s="103"/>
      <c r="B63" s="89" t="s">
        <v>361</v>
      </c>
      <c r="C63" s="93"/>
      <c r="D63" s="93"/>
      <c r="E63" s="93"/>
    </row>
    <row r="64" spans="1:19" ht="20.25" customHeight="1">
      <c r="A64" s="152"/>
      <c r="B64" s="89" t="s">
        <v>362</v>
      </c>
      <c r="C64" s="95"/>
      <c r="D64" s="95"/>
      <c r="E64" s="95"/>
      <c r="F64" s="88"/>
      <c r="G64" s="88"/>
      <c r="H64" s="88"/>
      <c r="I64" s="88"/>
      <c r="J64" s="88"/>
      <c r="K64" s="88"/>
    </row>
    <row r="65" spans="1:11" ht="20.25" customHeight="1">
      <c r="A65" s="152"/>
      <c r="B65" s="89"/>
      <c r="C65" s="95"/>
      <c r="D65" s="95"/>
      <c r="E65" s="95"/>
      <c r="F65" s="88"/>
      <c r="G65" s="88"/>
      <c r="H65" s="88"/>
      <c r="I65" s="88"/>
      <c r="J65" s="88"/>
      <c r="K65" s="88"/>
    </row>
  </sheetData>
  <mergeCells count="5">
    <mergeCell ref="B60:G60"/>
    <mergeCell ref="B53:G53"/>
    <mergeCell ref="B56:Q56"/>
    <mergeCell ref="B57:M57"/>
    <mergeCell ref="B58:G58"/>
  </mergeCells>
  <phoneticPr fontId="6"/>
  <printOptions horizontalCentered="1"/>
  <pageMargins left="0.23622047244094491" right="0.23622047244094491" top="0.74803149606299213" bottom="0.74803149606299213" header="0.31496062992125984" footer="0.31496062992125984"/>
  <pageSetup paperSize="9" scale="59" fitToHeight="0" orientation="landscape" cellComments="asDisplayed" r:id="rId1"/>
  <headerFooter alignWithMargins="0"/>
  <rowBreaks count="1" manualBreakCount="1">
    <brk id="35" max="16"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F21"/>
  <sheetViews>
    <sheetView view="pageBreakPreview" zoomScale="110" zoomScaleNormal="100" zoomScaleSheetLayoutView="110" workbookViewId="0"/>
  </sheetViews>
  <sheetFormatPr defaultRowHeight="20.25" customHeight="1"/>
  <cols>
    <col min="1" max="2" width="4.25" style="273" customWidth="1"/>
    <col min="3" max="3" width="25" style="272" customWidth="1"/>
    <col min="4" max="4" width="4.875" style="272" customWidth="1"/>
    <col min="5" max="5" width="41.625" style="272" customWidth="1"/>
    <col min="6" max="6" width="4.875" style="272" customWidth="1"/>
    <col min="7" max="7" width="19.625" style="272" customWidth="1"/>
    <col min="8" max="8" width="33.875" style="272" customWidth="1"/>
    <col min="9" max="32" width="4.875" style="272" customWidth="1"/>
    <col min="33" max="33" width="13.375" style="272" bestFit="1" customWidth="1"/>
    <col min="34" max="267" width="9" style="272"/>
    <col min="268" max="268" width="4.25" style="272" customWidth="1"/>
    <col min="269" max="269" width="25" style="272" customWidth="1"/>
    <col min="270" max="270" width="41.625" style="272" customWidth="1"/>
    <col min="271" max="271" width="19.625" style="272" customWidth="1"/>
    <col min="272" max="272" width="33.875" style="272" customWidth="1"/>
    <col min="273" max="273" width="25" style="272" customWidth="1"/>
    <col min="274" max="274" width="13.625" style="272" customWidth="1"/>
    <col min="275" max="288" width="4.875" style="272" customWidth="1"/>
    <col min="289" max="289" width="13.375" style="272" bestFit="1" customWidth="1"/>
    <col min="290" max="523" width="9" style="272"/>
    <col min="524" max="524" width="4.25" style="272" customWidth="1"/>
    <col min="525" max="525" width="25" style="272" customWidth="1"/>
    <col min="526" max="526" width="41.625" style="272" customWidth="1"/>
    <col min="527" max="527" width="19.625" style="272" customWidth="1"/>
    <col min="528" max="528" width="33.875" style="272" customWidth="1"/>
    <col min="529" max="529" width="25" style="272" customWidth="1"/>
    <col min="530" max="530" width="13.625" style="272" customWidth="1"/>
    <col min="531" max="544" width="4.875" style="272" customWidth="1"/>
    <col min="545" max="545" width="13.375" style="272" bestFit="1" customWidth="1"/>
    <col min="546" max="779" width="9" style="272"/>
    <col min="780" max="780" width="4.25" style="272" customWidth="1"/>
    <col min="781" max="781" width="25" style="272" customWidth="1"/>
    <col min="782" max="782" width="41.625" style="272" customWidth="1"/>
    <col min="783" max="783" width="19.625" style="272" customWidth="1"/>
    <col min="784" max="784" width="33.875" style="272" customWidth="1"/>
    <col min="785" max="785" width="25" style="272" customWidth="1"/>
    <col min="786" max="786" width="13.625" style="272" customWidth="1"/>
    <col min="787" max="800" width="4.875" style="272" customWidth="1"/>
    <col min="801" max="801" width="13.375" style="272" bestFit="1" customWidth="1"/>
    <col min="802" max="1035" width="9" style="272"/>
    <col min="1036" max="1036" width="4.25" style="272" customWidth="1"/>
    <col min="1037" max="1037" width="25" style="272" customWidth="1"/>
    <col min="1038" max="1038" width="41.625" style="272" customWidth="1"/>
    <col min="1039" max="1039" width="19.625" style="272" customWidth="1"/>
    <col min="1040" max="1040" width="33.875" style="272" customWidth="1"/>
    <col min="1041" max="1041" width="25" style="272" customWidth="1"/>
    <col min="1042" max="1042" width="13.625" style="272" customWidth="1"/>
    <col min="1043" max="1056" width="4.875" style="272" customWidth="1"/>
    <col min="1057" max="1057" width="13.375" style="272" bestFit="1" customWidth="1"/>
    <col min="1058" max="1291" width="9" style="272"/>
    <col min="1292" max="1292" width="4.25" style="272" customWidth="1"/>
    <col min="1293" max="1293" width="25" style="272" customWidth="1"/>
    <col min="1294" max="1294" width="41.625" style="272" customWidth="1"/>
    <col min="1295" max="1295" width="19.625" style="272" customWidth="1"/>
    <col min="1296" max="1296" width="33.875" style="272" customWidth="1"/>
    <col min="1297" max="1297" width="25" style="272" customWidth="1"/>
    <col min="1298" max="1298" width="13.625" style="272" customWidth="1"/>
    <col min="1299" max="1312" width="4.875" style="272" customWidth="1"/>
    <col min="1313" max="1313" width="13.375" style="272" bestFit="1" customWidth="1"/>
    <col min="1314" max="1547" width="9" style="272"/>
    <col min="1548" max="1548" width="4.25" style="272" customWidth="1"/>
    <col min="1549" max="1549" width="25" style="272" customWidth="1"/>
    <col min="1550" max="1550" width="41.625" style="272" customWidth="1"/>
    <col min="1551" max="1551" width="19.625" style="272" customWidth="1"/>
    <col min="1552" max="1552" width="33.875" style="272" customWidth="1"/>
    <col min="1553" max="1553" width="25" style="272" customWidth="1"/>
    <col min="1554" max="1554" width="13.625" style="272" customWidth="1"/>
    <col min="1555" max="1568" width="4.875" style="272" customWidth="1"/>
    <col min="1569" max="1569" width="13.375" style="272" bestFit="1" customWidth="1"/>
    <col min="1570" max="1803" width="9" style="272"/>
    <col min="1804" max="1804" width="4.25" style="272" customWidth="1"/>
    <col min="1805" max="1805" width="25" style="272" customWidth="1"/>
    <col min="1806" max="1806" width="41.625" style="272" customWidth="1"/>
    <col min="1807" max="1807" width="19.625" style="272" customWidth="1"/>
    <col min="1808" max="1808" width="33.875" style="272" customWidth="1"/>
    <col min="1809" max="1809" width="25" style="272" customWidth="1"/>
    <col min="1810" max="1810" width="13.625" style="272" customWidth="1"/>
    <col min="1811" max="1824" width="4.875" style="272" customWidth="1"/>
    <col min="1825" max="1825" width="13.375" style="272" bestFit="1" customWidth="1"/>
    <col min="1826" max="2059" width="9" style="272"/>
    <col min="2060" max="2060" width="4.25" style="272" customWidth="1"/>
    <col min="2061" max="2061" width="25" style="272" customWidth="1"/>
    <col min="2062" max="2062" width="41.625" style="272" customWidth="1"/>
    <col min="2063" max="2063" width="19.625" style="272" customWidth="1"/>
    <col min="2064" max="2064" width="33.875" style="272" customWidth="1"/>
    <col min="2065" max="2065" width="25" style="272" customWidth="1"/>
    <col min="2066" max="2066" width="13.625" style="272" customWidth="1"/>
    <col min="2067" max="2080" width="4.875" style="272" customWidth="1"/>
    <col min="2081" max="2081" width="13.375" style="272" bestFit="1" customWidth="1"/>
    <col min="2082" max="2315" width="9" style="272"/>
    <col min="2316" max="2316" width="4.25" style="272" customWidth="1"/>
    <col min="2317" max="2317" width="25" style="272" customWidth="1"/>
    <col min="2318" max="2318" width="41.625" style="272" customWidth="1"/>
    <col min="2319" max="2319" width="19.625" style="272" customWidth="1"/>
    <col min="2320" max="2320" width="33.875" style="272" customWidth="1"/>
    <col min="2321" max="2321" width="25" style="272" customWidth="1"/>
    <col min="2322" max="2322" width="13.625" style="272" customWidth="1"/>
    <col min="2323" max="2336" width="4.875" style="272" customWidth="1"/>
    <col min="2337" max="2337" width="13.375" style="272" bestFit="1" customWidth="1"/>
    <col min="2338" max="2571" width="9" style="272"/>
    <col min="2572" max="2572" width="4.25" style="272" customWidth="1"/>
    <col min="2573" max="2573" width="25" style="272" customWidth="1"/>
    <col min="2574" max="2574" width="41.625" style="272" customWidth="1"/>
    <col min="2575" max="2575" width="19.625" style="272" customWidth="1"/>
    <col min="2576" max="2576" width="33.875" style="272" customWidth="1"/>
    <col min="2577" max="2577" width="25" style="272" customWidth="1"/>
    <col min="2578" max="2578" width="13.625" style="272" customWidth="1"/>
    <col min="2579" max="2592" width="4.875" style="272" customWidth="1"/>
    <col min="2593" max="2593" width="13.375" style="272" bestFit="1" customWidth="1"/>
    <col min="2594" max="2827" width="9" style="272"/>
    <col min="2828" max="2828" width="4.25" style="272" customWidth="1"/>
    <col min="2829" max="2829" width="25" style="272" customWidth="1"/>
    <col min="2830" max="2830" width="41.625" style="272" customWidth="1"/>
    <col min="2831" max="2831" width="19.625" style="272" customWidth="1"/>
    <col min="2832" max="2832" width="33.875" style="272" customWidth="1"/>
    <col min="2833" max="2833" width="25" style="272" customWidth="1"/>
    <col min="2834" max="2834" width="13.625" style="272" customWidth="1"/>
    <col min="2835" max="2848" width="4.875" style="272" customWidth="1"/>
    <col min="2849" max="2849" width="13.375" style="272" bestFit="1" customWidth="1"/>
    <col min="2850" max="3083" width="9" style="272"/>
    <col min="3084" max="3084" width="4.25" style="272" customWidth="1"/>
    <col min="3085" max="3085" width="25" style="272" customWidth="1"/>
    <col min="3086" max="3086" width="41.625" style="272" customWidth="1"/>
    <col min="3087" max="3087" width="19.625" style="272" customWidth="1"/>
    <col min="3088" max="3088" width="33.875" style="272" customWidth="1"/>
    <col min="3089" max="3089" width="25" style="272" customWidth="1"/>
    <col min="3090" max="3090" width="13.625" style="272" customWidth="1"/>
    <col min="3091" max="3104" width="4.875" style="272" customWidth="1"/>
    <col min="3105" max="3105" width="13.375" style="272" bestFit="1" customWidth="1"/>
    <col min="3106" max="3339" width="9" style="272"/>
    <col min="3340" max="3340" width="4.25" style="272" customWidth="1"/>
    <col min="3341" max="3341" width="25" style="272" customWidth="1"/>
    <col min="3342" max="3342" width="41.625" style="272" customWidth="1"/>
    <col min="3343" max="3343" width="19.625" style="272" customWidth="1"/>
    <col min="3344" max="3344" width="33.875" style="272" customWidth="1"/>
    <col min="3345" max="3345" width="25" style="272" customWidth="1"/>
    <col min="3346" max="3346" width="13.625" style="272" customWidth="1"/>
    <col min="3347" max="3360" width="4.875" style="272" customWidth="1"/>
    <col min="3361" max="3361" width="13.375" style="272" bestFit="1" customWidth="1"/>
    <col min="3362" max="3595" width="9" style="272"/>
    <col min="3596" max="3596" width="4.25" style="272" customWidth="1"/>
    <col min="3597" max="3597" width="25" style="272" customWidth="1"/>
    <col min="3598" max="3598" width="41.625" style="272" customWidth="1"/>
    <col min="3599" max="3599" width="19.625" style="272" customWidth="1"/>
    <col min="3600" max="3600" width="33.875" style="272" customWidth="1"/>
    <col min="3601" max="3601" width="25" style="272" customWidth="1"/>
    <col min="3602" max="3602" width="13.625" style="272" customWidth="1"/>
    <col min="3603" max="3616" width="4.875" style="272" customWidth="1"/>
    <col min="3617" max="3617" width="13.375" style="272" bestFit="1" customWidth="1"/>
    <col min="3618" max="3851" width="9" style="272"/>
    <col min="3852" max="3852" width="4.25" style="272" customWidth="1"/>
    <col min="3853" max="3853" width="25" style="272" customWidth="1"/>
    <col min="3854" max="3854" width="41.625" style="272" customWidth="1"/>
    <col min="3855" max="3855" width="19.625" style="272" customWidth="1"/>
    <col min="3856" max="3856" width="33.875" style="272" customWidth="1"/>
    <col min="3857" max="3857" width="25" style="272" customWidth="1"/>
    <col min="3858" max="3858" width="13.625" style="272" customWidth="1"/>
    <col min="3859" max="3872" width="4.875" style="272" customWidth="1"/>
    <col min="3873" max="3873" width="13.375" style="272" bestFit="1" customWidth="1"/>
    <col min="3874" max="4107" width="9" style="272"/>
    <col min="4108" max="4108" width="4.25" style="272" customWidth="1"/>
    <col min="4109" max="4109" width="25" style="272" customWidth="1"/>
    <col min="4110" max="4110" width="41.625" style="272" customWidth="1"/>
    <col min="4111" max="4111" width="19.625" style="272" customWidth="1"/>
    <col min="4112" max="4112" width="33.875" style="272" customWidth="1"/>
    <col min="4113" max="4113" width="25" style="272" customWidth="1"/>
    <col min="4114" max="4114" width="13.625" style="272" customWidth="1"/>
    <col min="4115" max="4128" width="4.875" style="272" customWidth="1"/>
    <col min="4129" max="4129" width="13.375" style="272" bestFit="1" customWidth="1"/>
    <col min="4130" max="4363" width="9" style="272"/>
    <col min="4364" max="4364" width="4.25" style="272" customWidth="1"/>
    <col min="4365" max="4365" width="25" style="272" customWidth="1"/>
    <col min="4366" max="4366" width="41.625" style="272" customWidth="1"/>
    <col min="4367" max="4367" width="19.625" style="272" customWidth="1"/>
    <col min="4368" max="4368" width="33.875" style="272" customWidth="1"/>
    <col min="4369" max="4369" width="25" style="272" customWidth="1"/>
    <col min="4370" max="4370" width="13.625" style="272" customWidth="1"/>
    <col min="4371" max="4384" width="4.875" style="272" customWidth="1"/>
    <col min="4385" max="4385" width="13.375" style="272" bestFit="1" customWidth="1"/>
    <col min="4386" max="4619" width="9" style="272"/>
    <col min="4620" max="4620" width="4.25" style="272" customWidth="1"/>
    <col min="4621" max="4621" width="25" style="272" customWidth="1"/>
    <col min="4622" max="4622" width="41.625" style="272" customWidth="1"/>
    <col min="4623" max="4623" width="19.625" style="272" customWidth="1"/>
    <col min="4624" max="4624" width="33.875" style="272" customWidth="1"/>
    <col min="4625" max="4625" width="25" style="272" customWidth="1"/>
    <col min="4626" max="4626" width="13.625" style="272" customWidth="1"/>
    <col min="4627" max="4640" width="4.875" style="272" customWidth="1"/>
    <col min="4641" max="4641" width="13.375" style="272" bestFit="1" customWidth="1"/>
    <col min="4642" max="4875" width="9" style="272"/>
    <col min="4876" max="4876" width="4.25" style="272" customWidth="1"/>
    <col min="4877" max="4877" width="25" style="272" customWidth="1"/>
    <col min="4878" max="4878" width="41.625" style="272" customWidth="1"/>
    <col min="4879" max="4879" width="19.625" style="272" customWidth="1"/>
    <col min="4880" max="4880" width="33.875" style="272" customWidth="1"/>
    <col min="4881" max="4881" width="25" style="272" customWidth="1"/>
    <col min="4882" max="4882" width="13.625" style="272" customWidth="1"/>
    <col min="4883" max="4896" width="4.875" style="272" customWidth="1"/>
    <col min="4897" max="4897" width="13.375" style="272" bestFit="1" customWidth="1"/>
    <col min="4898" max="5131" width="9" style="272"/>
    <col min="5132" max="5132" width="4.25" style="272" customWidth="1"/>
    <col min="5133" max="5133" width="25" style="272" customWidth="1"/>
    <col min="5134" max="5134" width="41.625" style="272" customWidth="1"/>
    <col min="5135" max="5135" width="19.625" style="272" customWidth="1"/>
    <col min="5136" max="5136" width="33.875" style="272" customWidth="1"/>
    <col min="5137" max="5137" width="25" style="272" customWidth="1"/>
    <col min="5138" max="5138" width="13.625" style="272" customWidth="1"/>
    <col min="5139" max="5152" width="4.875" style="272" customWidth="1"/>
    <col min="5153" max="5153" width="13.375" style="272" bestFit="1" customWidth="1"/>
    <col min="5154" max="5387" width="9" style="272"/>
    <col min="5388" max="5388" width="4.25" style="272" customWidth="1"/>
    <col min="5389" max="5389" width="25" style="272" customWidth="1"/>
    <col min="5390" max="5390" width="41.625" style="272" customWidth="1"/>
    <col min="5391" max="5391" width="19.625" style="272" customWidth="1"/>
    <col min="5392" max="5392" width="33.875" style="272" customWidth="1"/>
    <col min="5393" max="5393" width="25" style="272" customWidth="1"/>
    <col min="5394" max="5394" width="13.625" style="272" customWidth="1"/>
    <col min="5395" max="5408" width="4.875" style="272" customWidth="1"/>
    <col min="5409" max="5409" width="13.375" style="272" bestFit="1" customWidth="1"/>
    <col min="5410" max="5643" width="9" style="272"/>
    <col min="5644" max="5644" width="4.25" style="272" customWidth="1"/>
    <col min="5645" max="5645" width="25" style="272" customWidth="1"/>
    <col min="5646" max="5646" width="41.625" style="272" customWidth="1"/>
    <col min="5647" max="5647" width="19.625" style="272" customWidth="1"/>
    <col min="5648" max="5648" width="33.875" style="272" customWidth="1"/>
    <col min="5649" max="5649" width="25" style="272" customWidth="1"/>
    <col min="5650" max="5650" width="13.625" style="272" customWidth="1"/>
    <col min="5651" max="5664" width="4.875" style="272" customWidth="1"/>
    <col min="5665" max="5665" width="13.375" style="272" bestFit="1" customWidth="1"/>
    <col min="5666" max="5899" width="9" style="272"/>
    <col min="5900" max="5900" width="4.25" style="272" customWidth="1"/>
    <col min="5901" max="5901" width="25" style="272" customWidth="1"/>
    <col min="5902" max="5902" width="41.625" style="272" customWidth="1"/>
    <col min="5903" max="5903" width="19.625" style="272" customWidth="1"/>
    <col min="5904" max="5904" width="33.875" style="272" customWidth="1"/>
    <col min="5905" max="5905" width="25" style="272" customWidth="1"/>
    <col min="5906" max="5906" width="13.625" style="272" customWidth="1"/>
    <col min="5907" max="5920" width="4.875" style="272" customWidth="1"/>
    <col min="5921" max="5921" width="13.375" style="272" bestFit="1" customWidth="1"/>
    <col min="5922" max="6155" width="9" style="272"/>
    <col min="6156" max="6156" width="4.25" style="272" customWidth="1"/>
    <col min="6157" max="6157" width="25" style="272" customWidth="1"/>
    <col min="6158" max="6158" width="41.625" style="272" customWidth="1"/>
    <col min="6159" max="6159" width="19.625" style="272" customWidth="1"/>
    <col min="6160" max="6160" width="33.875" style="272" customWidth="1"/>
    <col min="6161" max="6161" width="25" style="272" customWidth="1"/>
    <col min="6162" max="6162" width="13.625" style="272" customWidth="1"/>
    <col min="6163" max="6176" width="4.875" style="272" customWidth="1"/>
    <col min="6177" max="6177" width="13.375" style="272" bestFit="1" customWidth="1"/>
    <col min="6178" max="6411" width="9" style="272"/>
    <col min="6412" max="6412" width="4.25" style="272" customWidth="1"/>
    <col min="6413" max="6413" width="25" style="272" customWidth="1"/>
    <col min="6414" max="6414" width="41.625" style="272" customWidth="1"/>
    <col min="6415" max="6415" width="19.625" style="272" customWidth="1"/>
    <col min="6416" max="6416" width="33.875" style="272" customWidth="1"/>
    <col min="6417" max="6417" width="25" style="272" customWidth="1"/>
    <col min="6418" max="6418" width="13.625" style="272" customWidth="1"/>
    <col min="6419" max="6432" width="4.875" style="272" customWidth="1"/>
    <col min="6433" max="6433" width="13.375" style="272" bestFit="1" customWidth="1"/>
    <col min="6434" max="6667" width="9" style="272"/>
    <col min="6668" max="6668" width="4.25" style="272" customWidth="1"/>
    <col min="6669" max="6669" width="25" style="272" customWidth="1"/>
    <col min="6670" max="6670" width="41.625" style="272" customWidth="1"/>
    <col min="6671" max="6671" width="19.625" style="272" customWidth="1"/>
    <col min="6672" max="6672" width="33.875" style="272" customWidth="1"/>
    <col min="6673" max="6673" width="25" style="272" customWidth="1"/>
    <col min="6674" max="6674" width="13.625" style="272" customWidth="1"/>
    <col min="6675" max="6688" width="4.875" style="272" customWidth="1"/>
    <col min="6689" max="6689" width="13.375" style="272" bestFit="1" customWidth="1"/>
    <col min="6690" max="6923" width="9" style="272"/>
    <col min="6924" max="6924" width="4.25" style="272" customWidth="1"/>
    <col min="6925" max="6925" width="25" style="272" customWidth="1"/>
    <col min="6926" max="6926" width="41.625" style="272" customWidth="1"/>
    <col min="6927" max="6927" width="19.625" style="272" customWidth="1"/>
    <col min="6928" max="6928" width="33.875" style="272" customWidth="1"/>
    <col min="6929" max="6929" width="25" style="272" customWidth="1"/>
    <col min="6930" max="6930" width="13.625" style="272" customWidth="1"/>
    <col min="6931" max="6944" width="4.875" style="272" customWidth="1"/>
    <col min="6945" max="6945" width="13.375" style="272" bestFit="1" customWidth="1"/>
    <col min="6946" max="7179" width="9" style="272"/>
    <col min="7180" max="7180" width="4.25" style="272" customWidth="1"/>
    <col min="7181" max="7181" width="25" style="272" customWidth="1"/>
    <col min="7182" max="7182" width="41.625" style="272" customWidth="1"/>
    <col min="7183" max="7183" width="19.625" style="272" customWidth="1"/>
    <col min="7184" max="7184" width="33.875" style="272" customWidth="1"/>
    <col min="7185" max="7185" width="25" style="272" customWidth="1"/>
    <col min="7186" max="7186" width="13.625" style="272" customWidth="1"/>
    <col min="7187" max="7200" width="4.875" style="272" customWidth="1"/>
    <col min="7201" max="7201" width="13.375" style="272" bestFit="1" customWidth="1"/>
    <col min="7202" max="7435" width="9" style="272"/>
    <col min="7436" max="7436" width="4.25" style="272" customWidth="1"/>
    <col min="7437" max="7437" width="25" style="272" customWidth="1"/>
    <col min="7438" max="7438" width="41.625" style="272" customWidth="1"/>
    <col min="7439" max="7439" width="19.625" style="272" customWidth="1"/>
    <col min="7440" max="7440" width="33.875" style="272" customWidth="1"/>
    <col min="7441" max="7441" width="25" style="272" customWidth="1"/>
    <col min="7442" max="7442" width="13.625" style="272" customWidth="1"/>
    <col min="7443" max="7456" width="4.875" style="272" customWidth="1"/>
    <col min="7457" max="7457" width="13.375" style="272" bestFit="1" customWidth="1"/>
    <col min="7458" max="7691" width="9" style="272"/>
    <col min="7692" max="7692" width="4.25" style="272" customWidth="1"/>
    <col min="7693" max="7693" width="25" style="272" customWidth="1"/>
    <col min="7694" max="7694" width="41.625" style="272" customWidth="1"/>
    <col min="7695" max="7695" width="19.625" style="272" customWidth="1"/>
    <col min="7696" max="7696" width="33.875" style="272" customWidth="1"/>
    <col min="7697" max="7697" width="25" style="272" customWidth="1"/>
    <col min="7698" max="7698" width="13.625" style="272" customWidth="1"/>
    <col min="7699" max="7712" width="4.875" style="272" customWidth="1"/>
    <col min="7713" max="7713" width="13.375" style="272" bestFit="1" customWidth="1"/>
    <col min="7714" max="7947" width="9" style="272"/>
    <col min="7948" max="7948" width="4.25" style="272" customWidth="1"/>
    <col min="7949" max="7949" width="25" style="272" customWidth="1"/>
    <col min="7950" max="7950" width="41.625" style="272" customWidth="1"/>
    <col min="7951" max="7951" width="19.625" style="272" customWidth="1"/>
    <col min="7952" max="7952" width="33.875" style="272" customWidth="1"/>
    <col min="7953" max="7953" width="25" style="272" customWidth="1"/>
    <col min="7954" max="7954" width="13.625" style="272" customWidth="1"/>
    <col min="7955" max="7968" width="4.875" style="272" customWidth="1"/>
    <col min="7969" max="7969" width="13.375" style="272" bestFit="1" customWidth="1"/>
    <col min="7970" max="8203" width="9" style="272"/>
    <col min="8204" max="8204" width="4.25" style="272" customWidth="1"/>
    <col min="8205" max="8205" width="25" style="272" customWidth="1"/>
    <col min="8206" max="8206" width="41.625" style="272" customWidth="1"/>
    <col min="8207" max="8207" width="19.625" style="272" customWidth="1"/>
    <col min="8208" max="8208" width="33.875" style="272" customWidth="1"/>
    <col min="8209" max="8209" width="25" style="272" customWidth="1"/>
    <col min="8210" max="8210" width="13.625" style="272" customWidth="1"/>
    <col min="8211" max="8224" width="4.875" style="272" customWidth="1"/>
    <col min="8225" max="8225" width="13.375" style="272" bestFit="1" customWidth="1"/>
    <col min="8226" max="8459" width="9" style="272"/>
    <col min="8460" max="8460" width="4.25" style="272" customWidth="1"/>
    <col min="8461" max="8461" width="25" style="272" customWidth="1"/>
    <col min="8462" max="8462" width="41.625" style="272" customWidth="1"/>
    <col min="8463" max="8463" width="19.625" style="272" customWidth="1"/>
    <col min="8464" max="8464" width="33.875" style="272" customWidth="1"/>
    <col min="8465" max="8465" width="25" style="272" customWidth="1"/>
    <col min="8466" max="8466" width="13.625" style="272" customWidth="1"/>
    <col min="8467" max="8480" width="4.875" style="272" customWidth="1"/>
    <col min="8481" max="8481" width="13.375" style="272" bestFit="1" customWidth="1"/>
    <col min="8482" max="8715" width="9" style="272"/>
    <col min="8716" max="8716" width="4.25" style="272" customWidth="1"/>
    <col min="8717" max="8717" width="25" style="272" customWidth="1"/>
    <col min="8718" max="8718" width="41.625" style="272" customWidth="1"/>
    <col min="8719" max="8719" width="19.625" style="272" customWidth="1"/>
    <col min="8720" max="8720" width="33.875" style="272" customWidth="1"/>
    <col min="8721" max="8721" width="25" style="272" customWidth="1"/>
    <col min="8722" max="8722" width="13.625" style="272" customWidth="1"/>
    <col min="8723" max="8736" width="4.875" style="272" customWidth="1"/>
    <col min="8737" max="8737" width="13.375" style="272" bestFit="1" customWidth="1"/>
    <col min="8738" max="8971" width="9" style="272"/>
    <col min="8972" max="8972" width="4.25" style="272" customWidth="1"/>
    <col min="8973" max="8973" width="25" style="272" customWidth="1"/>
    <col min="8974" max="8974" width="41.625" style="272" customWidth="1"/>
    <col min="8975" max="8975" width="19.625" style="272" customWidth="1"/>
    <col min="8976" max="8976" width="33.875" style="272" customWidth="1"/>
    <col min="8977" max="8977" width="25" style="272" customWidth="1"/>
    <col min="8978" max="8978" width="13.625" style="272" customWidth="1"/>
    <col min="8979" max="8992" width="4.875" style="272" customWidth="1"/>
    <col min="8993" max="8993" width="13.375" style="272" bestFit="1" customWidth="1"/>
    <col min="8994" max="9227" width="9" style="272"/>
    <col min="9228" max="9228" width="4.25" style="272" customWidth="1"/>
    <col min="9229" max="9229" width="25" style="272" customWidth="1"/>
    <col min="9230" max="9230" width="41.625" style="272" customWidth="1"/>
    <col min="9231" max="9231" width="19.625" style="272" customWidth="1"/>
    <col min="9232" max="9232" width="33.875" style="272" customWidth="1"/>
    <col min="9233" max="9233" width="25" style="272" customWidth="1"/>
    <col min="9234" max="9234" width="13.625" style="272" customWidth="1"/>
    <col min="9235" max="9248" width="4.875" style="272" customWidth="1"/>
    <col min="9249" max="9249" width="13.375" style="272" bestFit="1" customWidth="1"/>
    <col min="9250" max="9483" width="9" style="272"/>
    <col min="9484" max="9484" width="4.25" style="272" customWidth="1"/>
    <col min="9485" max="9485" width="25" style="272" customWidth="1"/>
    <col min="9486" max="9486" width="41.625" style="272" customWidth="1"/>
    <col min="9487" max="9487" width="19.625" style="272" customWidth="1"/>
    <col min="9488" max="9488" width="33.875" style="272" customWidth="1"/>
    <col min="9489" max="9489" width="25" style="272" customWidth="1"/>
    <col min="9490" max="9490" width="13.625" style="272" customWidth="1"/>
    <col min="9491" max="9504" width="4.875" style="272" customWidth="1"/>
    <col min="9505" max="9505" width="13.375" style="272" bestFit="1" customWidth="1"/>
    <col min="9506" max="9739" width="9" style="272"/>
    <col min="9740" max="9740" width="4.25" style="272" customWidth="1"/>
    <col min="9741" max="9741" width="25" style="272" customWidth="1"/>
    <col min="9742" max="9742" width="41.625" style="272" customWidth="1"/>
    <col min="9743" max="9743" width="19.625" style="272" customWidth="1"/>
    <col min="9744" max="9744" width="33.875" style="272" customWidth="1"/>
    <col min="9745" max="9745" width="25" style="272" customWidth="1"/>
    <col min="9746" max="9746" width="13.625" style="272" customWidth="1"/>
    <col min="9747" max="9760" width="4.875" style="272" customWidth="1"/>
    <col min="9761" max="9761" width="13.375" style="272" bestFit="1" customWidth="1"/>
    <col min="9762" max="9995" width="9" style="272"/>
    <col min="9996" max="9996" width="4.25" style="272" customWidth="1"/>
    <col min="9997" max="9997" width="25" style="272" customWidth="1"/>
    <col min="9998" max="9998" width="41.625" style="272" customWidth="1"/>
    <col min="9999" max="9999" width="19.625" style="272" customWidth="1"/>
    <col min="10000" max="10000" width="33.875" style="272" customWidth="1"/>
    <col min="10001" max="10001" width="25" style="272" customWidth="1"/>
    <col min="10002" max="10002" width="13.625" style="272" customWidth="1"/>
    <col min="10003" max="10016" width="4.875" style="272" customWidth="1"/>
    <col min="10017" max="10017" width="13.375" style="272" bestFit="1" customWidth="1"/>
    <col min="10018" max="10251" width="9" style="272"/>
    <col min="10252" max="10252" width="4.25" style="272" customWidth="1"/>
    <col min="10253" max="10253" width="25" style="272" customWidth="1"/>
    <col min="10254" max="10254" width="41.625" style="272" customWidth="1"/>
    <col min="10255" max="10255" width="19.625" style="272" customWidth="1"/>
    <col min="10256" max="10256" width="33.875" style="272" customWidth="1"/>
    <col min="10257" max="10257" width="25" style="272" customWidth="1"/>
    <col min="10258" max="10258" width="13.625" style="272" customWidth="1"/>
    <col min="10259" max="10272" width="4.875" style="272" customWidth="1"/>
    <col min="10273" max="10273" width="13.375" style="272" bestFit="1" customWidth="1"/>
    <col min="10274" max="10507" width="9" style="272"/>
    <col min="10508" max="10508" width="4.25" style="272" customWidth="1"/>
    <col min="10509" max="10509" width="25" style="272" customWidth="1"/>
    <col min="10510" max="10510" width="41.625" style="272" customWidth="1"/>
    <col min="10511" max="10511" width="19.625" style="272" customWidth="1"/>
    <col min="10512" max="10512" width="33.875" style="272" customWidth="1"/>
    <col min="10513" max="10513" width="25" style="272" customWidth="1"/>
    <col min="10514" max="10514" width="13.625" style="272" customWidth="1"/>
    <col min="10515" max="10528" width="4.875" style="272" customWidth="1"/>
    <col min="10529" max="10529" width="13.375" style="272" bestFit="1" customWidth="1"/>
    <col min="10530" max="10763" width="9" style="272"/>
    <col min="10764" max="10764" width="4.25" style="272" customWidth="1"/>
    <col min="10765" max="10765" width="25" style="272" customWidth="1"/>
    <col min="10766" max="10766" width="41.625" style="272" customWidth="1"/>
    <col min="10767" max="10767" width="19.625" style="272" customWidth="1"/>
    <col min="10768" max="10768" width="33.875" style="272" customWidth="1"/>
    <col min="10769" max="10769" width="25" style="272" customWidth="1"/>
    <col min="10770" max="10770" width="13.625" style="272" customWidth="1"/>
    <col min="10771" max="10784" width="4.875" style="272" customWidth="1"/>
    <col min="10785" max="10785" width="13.375" style="272" bestFit="1" customWidth="1"/>
    <col min="10786" max="11019" width="9" style="272"/>
    <col min="11020" max="11020" width="4.25" style="272" customWidth="1"/>
    <col min="11021" max="11021" width="25" style="272" customWidth="1"/>
    <col min="11022" max="11022" width="41.625" style="272" customWidth="1"/>
    <col min="11023" max="11023" width="19.625" style="272" customWidth="1"/>
    <col min="11024" max="11024" width="33.875" style="272" customWidth="1"/>
    <col min="11025" max="11025" width="25" style="272" customWidth="1"/>
    <col min="11026" max="11026" width="13.625" style="272" customWidth="1"/>
    <col min="11027" max="11040" width="4.875" style="272" customWidth="1"/>
    <col min="11041" max="11041" width="13.375" style="272" bestFit="1" customWidth="1"/>
    <col min="11042" max="11275" width="9" style="272"/>
    <col min="11276" max="11276" width="4.25" style="272" customWidth="1"/>
    <col min="11277" max="11277" width="25" style="272" customWidth="1"/>
    <col min="11278" max="11278" width="41.625" style="272" customWidth="1"/>
    <col min="11279" max="11279" width="19.625" style="272" customWidth="1"/>
    <col min="11280" max="11280" width="33.875" style="272" customWidth="1"/>
    <col min="11281" max="11281" width="25" style="272" customWidth="1"/>
    <col min="11282" max="11282" width="13.625" style="272" customWidth="1"/>
    <col min="11283" max="11296" width="4.875" style="272" customWidth="1"/>
    <col min="11297" max="11297" width="13.375" style="272" bestFit="1" customWidth="1"/>
    <col min="11298" max="11531" width="9" style="272"/>
    <col min="11532" max="11532" width="4.25" style="272" customWidth="1"/>
    <col min="11533" max="11533" width="25" style="272" customWidth="1"/>
    <col min="11534" max="11534" width="41.625" style="272" customWidth="1"/>
    <col min="11535" max="11535" width="19.625" style="272" customWidth="1"/>
    <col min="11536" max="11536" width="33.875" style="272" customWidth="1"/>
    <col min="11537" max="11537" width="25" style="272" customWidth="1"/>
    <col min="11538" max="11538" width="13.625" style="272" customWidth="1"/>
    <col min="11539" max="11552" width="4.875" style="272" customWidth="1"/>
    <col min="11553" max="11553" width="13.375" style="272" bestFit="1" customWidth="1"/>
    <col min="11554" max="11787" width="9" style="272"/>
    <col min="11788" max="11788" width="4.25" style="272" customWidth="1"/>
    <col min="11789" max="11789" width="25" style="272" customWidth="1"/>
    <col min="11790" max="11790" width="41.625" style="272" customWidth="1"/>
    <col min="11791" max="11791" width="19.625" style="272" customWidth="1"/>
    <col min="11792" max="11792" width="33.875" style="272" customWidth="1"/>
    <col min="11793" max="11793" width="25" style="272" customWidth="1"/>
    <col min="11794" max="11794" width="13.625" style="272" customWidth="1"/>
    <col min="11795" max="11808" width="4.875" style="272" customWidth="1"/>
    <col min="11809" max="11809" width="13.375" style="272" bestFit="1" customWidth="1"/>
    <col min="11810" max="12043" width="9" style="272"/>
    <col min="12044" max="12044" width="4.25" style="272" customWidth="1"/>
    <col min="12045" max="12045" width="25" style="272" customWidth="1"/>
    <col min="12046" max="12046" width="41.625" style="272" customWidth="1"/>
    <col min="12047" max="12047" width="19.625" style="272" customWidth="1"/>
    <col min="12048" max="12048" width="33.875" style="272" customWidth="1"/>
    <col min="12049" max="12049" width="25" style="272" customWidth="1"/>
    <col min="12050" max="12050" width="13.625" style="272" customWidth="1"/>
    <col min="12051" max="12064" width="4.875" style="272" customWidth="1"/>
    <col min="12065" max="12065" width="13.375" style="272" bestFit="1" customWidth="1"/>
    <col min="12066" max="12299" width="9" style="272"/>
    <col min="12300" max="12300" width="4.25" style="272" customWidth="1"/>
    <col min="12301" max="12301" width="25" style="272" customWidth="1"/>
    <col min="12302" max="12302" width="41.625" style="272" customWidth="1"/>
    <col min="12303" max="12303" width="19.625" style="272" customWidth="1"/>
    <col min="12304" max="12304" width="33.875" style="272" customWidth="1"/>
    <col min="12305" max="12305" width="25" style="272" customWidth="1"/>
    <col min="12306" max="12306" width="13.625" style="272" customWidth="1"/>
    <col min="12307" max="12320" width="4.875" style="272" customWidth="1"/>
    <col min="12321" max="12321" width="13.375" style="272" bestFit="1" customWidth="1"/>
    <col min="12322" max="12555" width="9" style="272"/>
    <col min="12556" max="12556" width="4.25" style="272" customWidth="1"/>
    <col min="12557" max="12557" width="25" style="272" customWidth="1"/>
    <col min="12558" max="12558" width="41.625" style="272" customWidth="1"/>
    <col min="12559" max="12559" width="19.625" style="272" customWidth="1"/>
    <col min="12560" max="12560" width="33.875" style="272" customWidth="1"/>
    <col min="12561" max="12561" width="25" style="272" customWidth="1"/>
    <col min="12562" max="12562" width="13.625" style="272" customWidth="1"/>
    <col min="12563" max="12576" width="4.875" style="272" customWidth="1"/>
    <col min="12577" max="12577" width="13.375" style="272" bestFit="1" customWidth="1"/>
    <col min="12578" max="12811" width="9" style="272"/>
    <col min="12812" max="12812" width="4.25" style="272" customWidth="1"/>
    <col min="12813" max="12813" width="25" style="272" customWidth="1"/>
    <col min="12814" max="12814" width="41.625" style="272" customWidth="1"/>
    <col min="12815" max="12815" width="19.625" style="272" customWidth="1"/>
    <col min="12816" max="12816" width="33.875" style="272" customWidth="1"/>
    <col min="12817" max="12817" width="25" style="272" customWidth="1"/>
    <col min="12818" max="12818" width="13.625" style="272" customWidth="1"/>
    <col min="12819" max="12832" width="4.875" style="272" customWidth="1"/>
    <col min="12833" max="12833" width="13.375" style="272" bestFit="1" customWidth="1"/>
    <col min="12834" max="13067" width="9" style="272"/>
    <col min="13068" max="13068" width="4.25" style="272" customWidth="1"/>
    <col min="13069" max="13069" width="25" style="272" customWidth="1"/>
    <col min="13070" max="13070" width="41.625" style="272" customWidth="1"/>
    <col min="13071" max="13071" width="19.625" style="272" customWidth="1"/>
    <col min="13072" max="13072" width="33.875" style="272" customWidth="1"/>
    <col min="13073" max="13073" width="25" style="272" customWidth="1"/>
    <col min="13074" max="13074" width="13.625" style="272" customWidth="1"/>
    <col min="13075" max="13088" width="4.875" style="272" customWidth="1"/>
    <col min="13089" max="13089" width="13.375" style="272" bestFit="1" customWidth="1"/>
    <col min="13090" max="13323" width="9" style="272"/>
    <col min="13324" max="13324" width="4.25" style="272" customWidth="1"/>
    <col min="13325" max="13325" width="25" style="272" customWidth="1"/>
    <col min="13326" max="13326" width="41.625" style="272" customWidth="1"/>
    <col min="13327" max="13327" width="19.625" style="272" customWidth="1"/>
    <col min="13328" max="13328" width="33.875" style="272" customWidth="1"/>
    <col min="13329" max="13329" width="25" style="272" customWidth="1"/>
    <col min="13330" max="13330" width="13.625" style="272" customWidth="1"/>
    <col min="13331" max="13344" width="4.875" style="272" customWidth="1"/>
    <col min="13345" max="13345" width="13.375" style="272" bestFit="1" customWidth="1"/>
    <col min="13346" max="13579" width="9" style="272"/>
    <col min="13580" max="13580" width="4.25" style="272" customWidth="1"/>
    <col min="13581" max="13581" width="25" style="272" customWidth="1"/>
    <col min="13582" max="13582" width="41.625" style="272" customWidth="1"/>
    <col min="13583" max="13583" width="19.625" style="272" customWidth="1"/>
    <col min="13584" max="13584" width="33.875" style="272" customWidth="1"/>
    <col min="13585" max="13585" width="25" style="272" customWidth="1"/>
    <col min="13586" max="13586" width="13.625" style="272" customWidth="1"/>
    <col min="13587" max="13600" width="4.875" style="272" customWidth="1"/>
    <col min="13601" max="13601" width="13.375" style="272" bestFit="1" customWidth="1"/>
    <col min="13602" max="13835" width="9" style="272"/>
    <col min="13836" max="13836" width="4.25" style="272" customWidth="1"/>
    <col min="13837" max="13837" width="25" style="272" customWidth="1"/>
    <col min="13838" max="13838" width="41.625" style="272" customWidth="1"/>
    <col min="13839" max="13839" width="19.625" style="272" customWidth="1"/>
    <col min="13840" max="13840" width="33.875" style="272" customWidth="1"/>
    <col min="13841" max="13841" width="25" style="272" customWidth="1"/>
    <col min="13842" max="13842" width="13.625" style="272" customWidth="1"/>
    <col min="13843" max="13856" width="4.875" style="272" customWidth="1"/>
    <col min="13857" max="13857" width="13.375" style="272" bestFit="1" customWidth="1"/>
    <col min="13858" max="14091" width="9" style="272"/>
    <col min="14092" max="14092" width="4.25" style="272" customWidth="1"/>
    <col min="14093" max="14093" width="25" style="272" customWidth="1"/>
    <col min="14094" max="14094" width="41.625" style="272" customWidth="1"/>
    <col min="14095" max="14095" width="19.625" style="272" customWidth="1"/>
    <col min="14096" max="14096" width="33.875" style="272" customWidth="1"/>
    <col min="14097" max="14097" width="25" style="272" customWidth="1"/>
    <col min="14098" max="14098" width="13.625" style="272" customWidth="1"/>
    <col min="14099" max="14112" width="4.875" style="272" customWidth="1"/>
    <col min="14113" max="14113" width="13.375" style="272" bestFit="1" customWidth="1"/>
    <col min="14114" max="14347" width="9" style="272"/>
    <col min="14348" max="14348" width="4.25" style="272" customWidth="1"/>
    <col min="14349" max="14349" width="25" style="272" customWidth="1"/>
    <col min="14350" max="14350" width="41.625" style="272" customWidth="1"/>
    <col min="14351" max="14351" width="19.625" style="272" customWidth="1"/>
    <col min="14352" max="14352" width="33.875" style="272" customWidth="1"/>
    <col min="14353" max="14353" width="25" style="272" customWidth="1"/>
    <col min="14354" max="14354" width="13.625" style="272" customWidth="1"/>
    <col min="14355" max="14368" width="4.875" style="272" customWidth="1"/>
    <col min="14369" max="14369" width="13.375" style="272" bestFit="1" customWidth="1"/>
    <col min="14370" max="14603" width="9" style="272"/>
    <col min="14604" max="14604" width="4.25" style="272" customWidth="1"/>
    <col min="14605" max="14605" width="25" style="272" customWidth="1"/>
    <col min="14606" max="14606" width="41.625" style="272" customWidth="1"/>
    <col min="14607" max="14607" width="19.625" style="272" customWidth="1"/>
    <col min="14608" max="14608" width="33.875" style="272" customWidth="1"/>
    <col min="14609" max="14609" width="25" style="272" customWidth="1"/>
    <col min="14610" max="14610" width="13.625" style="272" customWidth="1"/>
    <col min="14611" max="14624" width="4.875" style="272" customWidth="1"/>
    <col min="14625" max="14625" width="13.375" style="272" bestFit="1" customWidth="1"/>
    <col min="14626" max="14859" width="9" style="272"/>
    <col min="14860" max="14860" width="4.25" style="272" customWidth="1"/>
    <col min="14861" max="14861" width="25" style="272" customWidth="1"/>
    <col min="14862" max="14862" width="41.625" style="272" customWidth="1"/>
    <col min="14863" max="14863" width="19.625" style="272" customWidth="1"/>
    <col min="14864" max="14864" width="33.875" style="272" customWidth="1"/>
    <col min="14865" max="14865" width="25" style="272" customWidth="1"/>
    <col min="14866" max="14866" width="13.625" style="272" customWidth="1"/>
    <col min="14867" max="14880" width="4.875" style="272" customWidth="1"/>
    <col min="14881" max="14881" width="13.375" style="272" bestFit="1" customWidth="1"/>
    <col min="14882" max="15115" width="9" style="272"/>
    <col min="15116" max="15116" width="4.25" style="272" customWidth="1"/>
    <col min="15117" max="15117" width="25" style="272" customWidth="1"/>
    <col min="15118" max="15118" width="41.625" style="272" customWidth="1"/>
    <col min="15119" max="15119" width="19.625" style="272" customWidth="1"/>
    <col min="15120" max="15120" width="33.875" style="272" customWidth="1"/>
    <col min="15121" max="15121" width="25" style="272" customWidth="1"/>
    <col min="15122" max="15122" width="13.625" style="272" customWidth="1"/>
    <col min="15123" max="15136" width="4.875" style="272" customWidth="1"/>
    <col min="15137" max="15137" width="13.375" style="272" bestFit="1" customWidth="1"/>
    <col min="15138" max="15371" width="9" style="272"/>
    <col min="15372" max="15372" width="4.25" style="272" customWidth="1"/>
    <col min="15373" max="15373" width="25" style="272" customWidth="1"/>
    <col min="15374" max="15374" width="41.625" style="272" customWidth="1"/>
    <col min="15375" max="15375" width="19.625" style="272" customWidth="1"/>
    <col min="15376" max="15376" width="33.875" style="272" customWidth="1"/>
    <col min="15377" max="15377" width="25" style="272" customWidth="1"/>
    <col min="15378" max="15378" width="13.625" style="272" customWidth="1"/>
    <col min="15379" max="15392" width="4.875" style="272" customWidth="1"/>
    <col min="15393" max="15393" width="13.375" style="272" bestFit="1" customWidth="1"/>
    <col min="15394" max="15627" width="9" style="272"/>
    <col min="15628" max="15628" width="4.25" style="272" customWidth="1"/>
    <col min="15629" max="15629" width="25" style="272" customWidth="1"/>
    <col min="15630" max="15630" width="41.625" style="272" customWidth="1"/>
    <col min="15631" max="15631" width="19.625" style="272" customWidth="1"/>
    <col min="15632" max="15632" width="33.875" style="272" customWidth="1"/>
    <col min="15633" max="15633" width="25" style="272" customWidth="1"/>
    <col min="15634" max="15634" width="13.625" style="272" customWidth="1"/>
    <col min="15635" max="15648" width="4.875" style="272" customWidth="1"/>
    <col min="15649" max="15649" width="13.375" style="272" bestFit="1" customWidth="1"/>
    <col min="15650" max="15883" width="9" style="272"/>
    <col min="15884" max="15884" width="4.25" style="272" customWidth="1"/>
    <col min="15885" max="15885" width="25" style="272" customWidth="1"/>
    <col min="15886" max="15886" width="41.625" style="272" customWidth="1"/>
    <col min="15887" max="15887" width="19.625" style="272" customWidth="1"/>
    <col min="15888" max="15888" width="33.875" style="272" customWidth="1"/>
    <col min="15889" max="15889" width="25" style="272" customWidth="1"/>
    <col min="15890" max="15890" width="13.625" style="272" customWidth="1"/>
    <col min="15891" max="15904" width="4.875" style="272" customWidth="1"/>
    <col min="15905" max="15905" width="13.375" style="272" bestFit="1" customWidth="1"/>
    <col min="15906" max="16139" width="9" style="272"/>
    <col min="16140" max="16140" width="4.25" style="272" customWidth="1"/>
    <col min="16141" max="16141" width="25" style="272" customWidth="1"/>
    <col min="16142" max="16142" width="41.625" style="272" customWidth="1"/>
    <col min="16143" max="16143" width="19.625" style="272" customWidth="1"/>
    <col min="16144" max="16144" width="33.875" style="272" customWidth="1"/>
    <col min="16145" max="16145" width="25" style="272" customWidth="1"/>
    <col min="16146" max="16146" width="13.625" style="272" customWidth="1"/>
    <col min="16147" max="16160" width="4.875" style="272" customWidth="1"/>
    <col min="16161" max="16161" width="13.375" style="272" bestFit="1" customWidth="1"/>
    <col min="16162" max="16384" width="9" style="272"/>
  </cols>
  <sheetData>
    <row r="1" spans="1:32" ht="20.25" customHeight="1">
      <c r="A1" s="87" t="s">
        <v>174</v>
      </c>
    </row>
    <row r="2" spans="1:32" ht="20.25" customHeight="1">
      <c r="A2" s="305" t="s">
        <v>173</v>
      </c>
      <c r="B2" s="305"/>
      <c r="C2" s="305"/>
      <c r="D2" s="305"/>
      <c r="E2" s="305"/>
      <c r="F2" s="305"/>
      <c r="G2" s="305"/>
      <c r="H2" s="305"/>
      <c r="I2" s="305"/>
      <c r="J2" s="305"/>
      <c r="K2" s="305"/>
      <c r="L2" s="305"/>
      <c r="M2" s="305"/>
      <c r="N2" s="305"/>
      <c r="O2" s="305"/>
      <c r="P2" s="305"/>
      <c r="Q2" s="305"/>
      <c r="R2" s="305"/>
      <c r="S2" s="305"/>
      <c r="T2" s="305"/>
      <c r="U2" s="305"/>
      <c r="V2" s="305"/>
      <c r="W2" s="305"/>
      <c r="X2" s="305"/>
      <c r="Y2" s="305"/>
      <c r="Z2" s="305"/>
      <c r="AA2" s="305"/>
      <c r="AB2" s="305"/>
      <c r="AC2" s="305"/>
      <c r="AD2" s="305"/>
      <c r="AE2" s="305"/>
      <c r="AF2" s="305"/>
    </row>
    <row r="3" spans="1:32" ht="20.25" customHeight="1">
      <c r="A3" s="142"/>
      <c r="B3" s="14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row>
    <row r="4" spans="1:32" ht="30" customHeight="1">
      <c r="A4" s="142"/>
      <c r="B4" s="142"/>
      <c r="C4" s="259"/>
      <c r="D4" s="259"/>
      <c r="E4" s="259"/>
      <c r="F4" s="259"/>
      <c r="G4" s="259"/>
      <c r="H4" s="259"/>
      <c r="I4" s="259"/>
      <c r="S4" s="306" t="s">
        <v>100</v>
      </c>
      <c r="T4" s="307"/>
      <c r="U4" s="307"/>
      <c r="V4" s="308"/>
      <c r="W4" s="282">
        <v>3</v>
      </c>
      <c r="X4" s="283">
        <v>4</v>
      </c>
      <c r="Y4" s="283"/>
      <c r="Z4" s="283"/>
      <c r="AA4" s="283"/>
      <c r="AB4" s="283"/>
      <c r="AC4" s="283"/>
      <c r="AD4" s="283"/>
      <c r="AE4" s="283"/>
      <c r="AF4" s="284"/>
    </row>
    <row r="5" spans="1:32" ht="20.25" customHeight="1">
      <c r="A5" s="142"/>
      <c r="B5" s="142"/>
      <c r="C5" s="259"/>
      <c r="D5" s="259"/>
      <c r="E5" s="259"/>
      <c r="F5" s="259"/>
      <c r="G5" s="259"/>
      <c r="H5" s="259"/>
      <c r="I5" s="259"/>
      <c r="J5" s="259"/>
      <c r="K5" s="259"/>
      <c r="L5" s="259"/>
      <c r="M5" s="259"/>
      <c r="N5" s="259"/>
      <c r="O5" s="259"/>
      <c r="P5" s="259"/>
      <c r="Q5" s="259"/>
      <c r="R5" s="259"/>
      <c r="S5" s="259"/>
      <c r="T5" s="259"/>
      <c r="U5" s="259"/>
      <c r="V5" s="259"/>
      <c r="W5" s="259"/>
      <c r="X5" s="259"/>
      <c r="Y5" s="259"/>
      <c r="Z5" s="259"/>
      <c r="AA5" s="259"/>
      <c r="AB5" s="259"/>
      <c r="AC5" s="259"/>
      <c r="AD5" s="259"/>
      <c r="AE5" s="259"/>
      <c r="AF5" s="259"/>
    </row>
    <row r="6" spans="1:32" ht="17.25" customHeight="1">
      <c r="A6" s="306" t="s">
        <v>101</v>
      </c>
      <c r="B6" s="307"/>
      <c r="C6" s="308"/>
      <c r="D6" s="306" t="s">
        <v>1</v>
      </c>
      <c r="E6" s="308"/>
      <c r="F6" s="306" t="s">
        <v>102</v>
      </c>
      <c r="G6" s="308"/>
      <c r="H6" s="306" t="s">
        <v>170</v>
      </c>
      <c r="I6" s="307"/>
      <c r="J6" s="307"/>
      <c r="K6" s="307"/>
      <c r="L6" s="307"/>
      <c r="M6" s="307"/>
      <c r="N6" s="307"/>
      <c r="O6" s="307"/>
      <c r="P6" s="307"/>
      <c r="Q6" s="307"/>
      <c r="R6" s="307"/>
      <c r="S6" s="307"/>
      <c r="T6" s="307"/>
      <c r="U6" s="307"/>
      <c r="V6" s="307"/>
      <c r="W6" s="307"/>
      <c r="X6" s="307"/>
      <c r="Y6" s="307"/>
      <c r="Z6" s="307"/>
      <c r="AA6" s="307"/>
      <c r="AB6" s="307"/>
      <c r="AC6" s="307"/>
      <c r="AD6" s="307"/>
      <c r="AE6" s="307"/>
      <c r="AF6" s="308"/>
    </row>
    <row r="7" spans="1:32" ht="18.75" customHeight="1">
      <c r="A7" s="298" t="s">
        <v>103</v>
      </c>
      <c r="B7" s="299"/>
      <c r="C7" s="300"/>
      <c r="D7" s="265"/>
      <c r="E7" s="149"/>
      <c r="F7" s="148"/>
      <c r="G7" s="112"/>
      <c r="H7" s="295" t="s">
        <v>104</v>
      </c>
      <c r="I7" s="203" t="s">
        <v>236</v>
      </c>
      <c r="J7" s="111" t="s">
        <v>197</v>
      </c>
      <c r="K7" s="153"/>
      <c r="L7" s="153"/>
      <c r="M7" s="204" t="s">
        <v>236</v>
      </c>
      <c r="N7" s="111" t="s">
        <v>198</v>
      </c>
      <c r="O7" s="153"/>
      <c r="P7" s="153"/>
      <c r="Q7" s="204" t="s">
        <v>236</v>
      </c>
      <c r="R7" s="111" t="s">
        <v>199</v>
      </c>
      <c r="S7" s="153"/>
      <c r="T7" s="153"/>
      <c r="U7" s="204" t="s">
        <v>236</v>
      </c>
      <c r="V7" s="111" t="s">
        <v>200</v>
      </c>
      <c r="W7" s="153"/>
      <c r="X7" s="153"/>
      <c r="Y7" s="111"/>
      <c r="Z7" s="153"/>
      <c r="AA7" s="153"/>
      <c r="AB7" s="153"/>
      <c r="AC7" s="153"/>
      <c r="AD7" s="153"/>
      <c r="AE7" s="153"/>
      <c r="AF7" s="164"/>
    </row>
    <row r="8" spans="1:32" ht="18.75" customHeight="1">
      <c r="A8" s="301"/>
      <c r="B8" s="302"/>
      <c r="C8" s="303"/>
      <c r="D8" s="267"/>
      <c r="E8" s="151"/>
      <c r="F8" s="150"/>
      <c r="G8" s="176"/>
      <c r="H8" s="304"/>
      <c r="I8" s="193" t="s">
        <v>236</v>
      </c>
      <c r="J8" s="91" t="s">
        <v>201</v>
      </c>
      <c r="K8" s="146"/>
      <c r="L8" s="146"/>
      <c r="M8" s="205" t="s">
        <v>236</v>
      </c>
      <c r="N8" s="91" t="s">
        <v>202</v>
      </c>
      <c r="O8" s="146"/>
      <c r="P8" s="146"/>
      <c r="Q8" s="205" t="s">
        <v>236</v>
      </c>
      <c r="R8" s="91" t="s">
        <v>203</v>
      </c>
      <c r="S8" s="146"/>
      <c r="T8" s="146"/>
      <c r="U8" s="205" t="s">
        <v>236</v>
      </c>
      <c r="V8" s="91" t="s">
        <v>204</v>
      </c>
      <c r="W8" s="146"/>
      <c r="X8" s="146"/>
      <c r="Y8" s="271"/>
      <c r="Z8" s="278"/>
      <c r="AA8" s="278"/>
      <c r="AB8" s="278"/>
      <c r="AC8" s="278"/>
      <c r="AD8" s="278"/>
      <c r="AE8" s="278"/>
      <c r="AF8" s="279"/>
    </row>
    <row r="9" spans="1:32" ht="18.75" customHeight="1">
      <c r="A9" s="110"/>
      <c r="B9" s="266"/>
      <c r="C9" s="155"/>
      <c r="D9" s="148"/>
      <c r="E9" s="164"/>
      <c r="F9" s="139"/>
      <c r="G9" s="112"/>
      <c r="H9" s="211" t="s">
        <v>124</v>
      </c>
      <c r="I9" s="257" t="s">
        <v>236</v>
      </c>
      <c r="J9" s="174" t="s">
        <v>208</v>
      </c>
      <c r="K9" s="175"/>
      <c r="L9" s="261" t="s">
        <v>236</v>
      </c>
      <c r="M9" s="174" t="s">
        <v>218</v>
      </c>
      <c r="N9" s="175"/>
      <c r="O9" s="167"/>
      <c r="P9" s="167"/>
      <c r="Q9" s="167"/>
      <c r="R9" s="167"/>
      <c r="S9" s="167"/>
      <c r="T9" s="167"/>
      <c r="U9" s="167"/>
      <c r="V9" s="167"/>
      <c r="W9" s="167"/>
      <c r="X9" s="167"/>
      <c r="Y9" s="167"/>
      <c r="Z9" s="167"/>
      <c r="AA9" s="167"/>
      <c r="AB9" s="167"/>
      <c r="AC9" s="167"/>
      <c r="AD9" s="167"/>
      <c r="AE9" s="167"/>
      <c r="AF9" s="168"/>
    </row>
    <row r="10" spans="1:32" ht="18.75" customHeight="1">
      <c r="A10" s="190"/>
      <c r="B10" s="183"/>
      <c r="C10" s="156"/>
      <c r="D10" s="162"/>
      <c r="E10" s="145"/>
      <c r="F10" s="192"/>
      <c r="G10" s="141"/>
      <c r="H10" s="309" t="s">
        <v>180</v>
      </c>
      <c r="I10" s="289" t="s">
        <v>236</v>
      </c>
      <c r="J10" s="285" t="s">
        <v>211</v>
      </c>
      <c r="K10" s="285"/>
      <c r="L10" s="285"/>
      <c r="M10" s="289" t="s">
        <v>236</v>
      </c>
      <c r="N10" s="285" t="s">
        <v>212</v>
      </c>
      <c r="O10" s="285"/>
      <c r="P10" s="285"/>
      <c r="Q10" s="165"/>
      <c r="R10" s="165"/>
      <c r="S10" s="165"/>
      <c r="T10" s="165"/>
      <c r="U10" s="165"/>
      <c r="V10" s="165"/>
      <c r="W10" s="165"/>
      <c r="X10" s="165"/>
      <c r="Y10" s="165"/>
      <c r="Z10" s="165"/>
      <c r="AA10" s="165"/>
      <c r="AB10" s="165"/>
      <c r="AC10" s="165"/>
      <c r="AD10" s="165"/>
      <c r="AE10" s="165"/>
      <c r="AF10" s="166"/>
    </row>
    <row r="11" spans="1:32" ht="18.75" customHeight="1">
      <c r="A11" s="256" t="s">
        <v>236</v>
      </c>
      <c r="B11" s="183">
        <v>63</v>
      </c>
      <c r="C11" s="156" t="s">
        <v>108</v>
      </c>
      <c r="D11" s="256" t="s">
        <v>236</v>
      </c>
      <c r="E11" s="145" t="s">
        <v>222</v>
      </c>
      <c r="F11" s="192"/>
      <c r="G11" s="141"/>
      <c r="H11" s="310"/>
      <c r="I11" s="290"/>
      <c r="J11" s="291"/>
      <c r="K11" s="291"/>
      <c r="L11" s="291"/>
      <c r="M11" s="290"/>
      <c r="N11" s="291"/>
      <c r="O11" s="291"/>
      <c r="P11" s="291"/>
      <c r="Q11" s="167"/>
      <c r="R11" s="167"/>
      <c r="S11" s="167"/>
      <c r="T11" s="167"/>
      <c r="U11" s="167"/>
      <c r="V11" s="167"/>
      <c r="W11" s="167"/>
      <c r="X11" s="167"/>
      <c r="Y11" s="167"/>
      <c r="Z11" s="167"/>
      <c r="AA11" s="167"/>
      <c r="AB11" s="167"/>
      <c r="AC11" s="167"/>
      <c r="AD11" s="167"/>
      <c r="AE11" s="167"/>
      <c r="AF11" s="168"/>
    </row>
    <row r="12" spans="1:32" ht="18.75" customHeight="1">
      <c r="A12" s="190"/>
      <c r="B12" s="183"/>
      <c r="C12" s="156"/>
      <c r="D12" s="256" t="s">
        <v>236</v>
      </c>
      <c r="E12" s="145" t="s">
        <v>221</v>
      </c>
      <c r="F12" s="192"/>
      <c r="G12" s="141"/>
      <c r="H12" s="309" t="s">
        <v>181</v>
      </c>
      <c r="I12" s="292" t="s">
        <v>236</v>
      </c>
      <c r="J12" s="285" t="s">
        <v>211</v>
      </c>
      <c r="K12" s="285"/>
      <c r="L12" s="285"/>
      <c r="M12" s="289" t="s">
        <v>236</v>
      </c>
      <c r="N12" s="285" t="s">
        <v>212</v>
      </c>
      <c r="O12" s="285"/>
      <c r="P12" s="285"/>
      <c r="Q12" s="165"/>
      <c r="R12" s="165"/>
      <c r="S12" s="165"/>
      <c r="T12" s="165"/>
      <c r="U12" s="165"/>
      <c r="V12" s="165"/>
      <c r="W12" s="165"/>
      <c r="X12" s="165"/>
      <c r="Y12" s="165"/>
      <c r="Z12" s="165"/>
      <c r="AA12" s="165"/>
      <c r="AB12" s="165"/>
      <c r="AC12" s="165"/>
      <c r="AD12" s="165"/>
      <c r="AE12" s="165"/>
      <c r="AF12" s="166"/>
    </row>
    <row r="13" spans="1:32" ht="18.75" customHeight="1">
      <c r="A13" s="191"/>
      <c r="B13" s="268"/>
      <c r="C13" s="157"/>
      <c r="D13" s="150"/>
      <c r="E13" s="147"/>
      <c r="F13" s="92"/>
      <c r="G13" s="176"/>
      <c r="H13" s="311"/>
      <c r="I13" s="293"/>
      <c r="J13" s="286"/>
      <c r="K13" s="286"/>
      <c r="L13" s="286"/>
      <c r="M13" s="294"/>
      <c r="N13" s="286"/>
      <c r="O13" s="286"/>
      <c r="P13" s="286"/>
      <c r="Q13" s="178"/>
      <c r="R13" s="178"/>
      <c r="S13" s="178"/>
      <c r="T13" s="178"/>
      <c r="U13" s="178"/>
      <c r="V13" s="178"/>
      <c r="W13" s="178"/>
      <c r="X13" s="178"/>
      <c r="Y13" s="178"/>
      <c r="Z13" s="178"/>
      <c r="AA13" s="178"/>
      <c r="AB13" s="178"/>
      <c r="AC13" s="178"/>
      <c r="AD13" s="178"/>
      <c r="AE13" s="178"/>
      <c r="AF13" s="179"/>
    </row>
    <row r="14" spans="1:32" ht="18.75" customHeight="1">
      <c r="A14" s="110"/>
      <c r="B14" s="266"/>
      <c r="C14" s="269"/>
      <c r="D14" s="275"/>
      <c r="E14" s="164"/>
      <c r="F14" s="275"/>
      <c r="G14" s="112"/>
      <c r="H14" s="163" t="s">
        <v>124</v>
      </c>
      <c r="I14" s="257" t="s">
        <v>236</v>
      </c>
      <c r="J14" s="174" t="s">
        <v>208</v>
      </c>
      <c r="K14" s="175"/>
      <c r="L14" s="261" t="s">
        <v>236</v>
      </c>
      <c r="M14" s="174" t="s">
        <v>218</v>
      </c>
      <c r="N14" s="175"/>
      <c r="O14" s="167"/>
      <c r="P14" s="167"/>
      <c r="Q14" s="167"/>
      <c r="R14" s="167"/>
      <c r="S14" s="167"/>
      <c r="T14" s="167"/>
      <c r="U14" s="167"/>
      <c r="V14" s="167"/>
      <c r="W14" s="167"/>
      <c r="X14" s="167"/>
      <c r="Y14" s="167"/>
      <c r="Z14" s="167"/>
      <c r="AA14" s="167"/>
      <c r="AB14" s="167"/>
      <c r="AC14" s="167"/>
      <c r="AD14" s="167"/>
      <c r="AE14" s="167"/>
      <c r="AF14" s="168"/>
    </row>
    <row r="15" spans="1:32" ht="18.75" customHeight="1">
      <c r="A15" s="190"/>
      <c r="B15" s="183"/>
      <c r="C15" s="270"/>
      <c r="D15" s="276"/>
      <c r="E15" s="145"/>
      <c r="F15" s="276"/>
      <c r="G15" s="141"/>
      <c r="H15" s="309" t="s">
        <v>180</v>
      </c>
      <c r="I15" s="289" t="s">
        <v>236</v>
      </c>
      <c r="J15" s="285" t="s">
        <v>211</v>
      </c>
      <c r="K15" s="285"/>
      <c r="L15" s="285"/>
      <c r="M15" s="289" t="s">
        <v>236</v>
      </c>
      <c r="N15" s="285" t="s">
        <v>212</v>
      </c>
      <c r="O15" s="285"/>
      <c r="P15" s="285"/>
      <c r="Q15" s="165"/>
      <c r="R15" s="165"/>
      <c r="S15" s="165"/>
      <c r="T15" s="165"/>
      <c r="U15" s="165"/>
      <c r="V15" s="165"/>
      <c r="W15" s="165"/>
      <c r="X15" s="165"/>
      <c r="Y15" s="165"/>
      <c r="Z15" s="165"/>
      <c r="AA15" s="165"/>
      <c r="AB15" s="165"/>
      <c r="AC15" s="165"/>
      <c r="AD15" s="165"/>
      <c r="AE15" s="165"/>
      <c r="AF15" s="166"/>
    </row>
    <row r="16" spans="1:32" ht="18.75" customHeight="1">
      <c r="A16" s="256" t="s">
        <v>236</v>
      </c>
      <c r="B16" s="183">
        <v>64</v>
      </c>
      <c r="C16" s="270" t="s">
        <v>239</v>
      </c>
      <c r="D16" s="256" t="s">
        <v>236</v>
      </c>
      <c r="E16" s="145" t="s">
        <v>238</v>
      </c>
      <c r="F16" s="276"/>
      <c r="G16" s="141"/>
      <c r="H16" s="310"/>
      <c r="I16" s="290"/>
      <c r="J16" s="291"/>
      <c r="K16" s="291"/>
      <c r="L16" s="291"/>
      <c r="M16" s="290"/>
      <c r="N16" s="291"/>
      <c r="O16" s="291"/>
      <c r="P16" s="291"/>
      <c r="Q16" s="167"/>
      <c r="R16" s="167"/>
      <c r="S16" s="167"/>
      <c r="T16" s="167"/>
      <c r="U16" s="167"/>
      <c r="V16" s="167"/>
      <c r="W16" s="167"/>
      <c r="X16" s="167"/>
      <c r="Y16" s="167"/>
      <c r="Z16" s="167"/>
      <c r="AA16" s="167"/>
      <c r="AB16" s="167"/>
      <c r="AC16" s="167"/>
      <c r="AD16" s="167"/>
      <c r="AE16" s="167"/>
      <c r="AF16" s="168"/>
    </row>
    <row r="17" spans="1:32" ht="18.75" customHeight="1">
      <c r="A17" s="190"/>
      <c r="B17" s="183"/>
      <c r="C17" s="270" t="s">
        <v>240</v>
      </c>
      <c r="D17" s="256" t="s">
        <v>236</v>
      </c>
      <c r="E17" s="145" t="s">
        <v>227</v>
      </c>
      <c r="F17" s="276"/>
      <c r="G17" s="141"/>
      <c r="H17" s="309" t="s">
        <v>181</v>
      </c>
      <c r="I17" s="289" t="s">
        <v>236</v>
      </c>
      <c r="J17" s="285" t="s">
        <v>211</v>
      </c>
      <c r="K17" s="285"/>
      <c r="L17" s="285"/>
      <c r="M17" s="289" t="s">
        <v>236</v>
      </c>
      <c r="N17" s="285" t="s">
        <v>212</v>
      </c>
      <c r="O17" s="285"/>
      <c r="P17" s="285"/>
      <c r="Q17" s="165"/>
      <c r="R17" s="165"/>
      <c r="S17" s="165"/>
      <c r="T17" s="165"/>
      <c r="U17" s="165"/>
      <c r="V17" s="165"/>
      <c r="W17" s="165"/>
      <c r="X17" s="165"/>
      <c r="Y17" s="165"/>
      <c r="Z17" s="165"/>
      <c r="AA17" s="165"/>
      <c r="AB17" s="165"/>
      <c r="AC17" s="165"/>
      <c r="AD17" s="165"/>
      <c r="AE17" s="165"/>
      <c r="AF17" s="166"/>
    </row>
    <row r="18" spans="1:32" ht="18.75" customHeight="1">
      <c r="A18" s="190"/>
      <c r="B18" s="183"/>
      <c r="C18" s="270"/>
      <c r="D18" s="256" t="s">
        <v>236</v>
      </c>
      <c r="E18" s="145" t="s">
        <v>228</v>
      </c>
      <c r="F18" s="276"/>
      <c r="G18" s="141"/>
      <c r="H18" s="310"/>
      <c r="I18" s="290"/>
      <c r="J18" s="291"/>
      <c r="K18" s="291"/>
      <c r="L18" s="291"/>
      <c r="M18" s="290"/>
      <c r="N18" s="291"/>
      <c r="O18" s="291"/>
      <c r="P18" s="291"/>
      <c r="Q18" s="167"/>
      <c r="R18" s="167"/>
      <c r="S18" s="167"/>
      <c r="T18" s="167"/>
      <c r="U18" s="167"/>
      <c r="V18" s="167"/>
      <c r="W18" s="167"/>
      <c r="X18" s="167"/>
      <c r="Y18" s="167"/>
      <c r="Z18" s="167"/>
      <c r="AA18" s="167"/>
      <c r="AB18" s="167"/>
      <c r="AC18" s="167"/>
      <c r="AD18" s="167"/>
      <c r="AE18" s="167"/>
      <c r="AF18" s="168"/>
    </row>
    <row r="19" spans="1:32" ht="18.75" customHeight="1">
      <c r="A19" s="191"/>
      <c r="B19" s="268"/>
      <c r="C19" s="264"/>
      <c r="D19" s="277"/>
      <c r="E19" s="147"/>
      <c r="F19" s="277"/>
      <c r="G19" s="176"/>
      <c r="H19" s="92" t="s">
        <v>171</v>
      </c>
      <c r="I19" s="201" t="s">
        <v>236</v>
      </c>
      <c r="J19" s="113" t="s">
        <v>208</v>
      </c>
      <c r="K19" s="194"/>
      <c r="L19" s="202" t="s">
        <v>236</v>
      </c>
      <c r="M19" s="113" t="s">
        <v>218</v>
      </c>
      <c r="N19" s="194"/>
      <c r="O19" s="113"/>
      <c r="P19" s="113"/>
      <c r="Q19" s="113"/>
      <c r="R19" s="113"/>
      <c r="S19" s="113"/>
      <c r="T19" s="113"/>
      <c r="U19" s="113"/>
      <c r="V19" s="113"/>
      <c r="W19" s="113"/>
      <c r="X19" s="113"/>
      <c r="Y19" s="113"/>
      <c r="Z19" s="113"/>
      <c r="AA19" s="113"/>
      <c r="AB19" s="113"/>
      <c r="AC19" s="113"/>
      <c r="AD19" s="113"/>
      <c r="AE19" s="113"/>
      <c r="AF19" s="114"/>
    </row>
    <row r="20" spans="1:32" ht="8.25" customHeight="1">
      <c r="A20" s="88"/>
      <c r="B20" s="88"/>
      <c r="G20" s="143"/>
      <c r="H20" s="143"/>
      <c r="I20" s="143"/>
      <c r="J20" s="143"/>
      <c r="K20" s="143"/>
      <c r="L20" s="143"/>
      <c r="M20" s="143"/>
      <c r="N20" s="143"/>
      <c r="O20" s="143"/>
      <c r="P20" s="143"/>
      <c r="Q20" s="143"/>
      <c r="R20" s="143"/>
      <c r="S20" s="143"/>
      <c r="T20" s="143"/>
      <c r="U20" s="143"/>
      <c r="V20" s="143"/>
      <c r="W20" s="143"/>
      <c r="X20" s="143"/>
      <c r="Y20" s="143"/>
      <c r="Z20" s="143"/>
      <c r="AA20" s="143"/>
      <c r="AB20" s="143"/>
    </row>
    <row r="21" spans="1:32" ht="20.25" customHeight="1">
      <c r="A21" s="152"/>
      <c r="B21" s="152"/>
      <c r="C21" s="143" t="s">
        <v>172</v>
      </c>
      <c r="D21" s="143"/>
      <c r="E21" s="88"/>
      <c r="F21" s="88"/>
      <c r="G21" s="88"/>
      <c r="H21" s="88"/>
      <c r="I21" s="88"/>
      <c r="J21" s="88"/>
      <c r="K21" s="88"/>
      <c r="L21" s="88"/>
      <c r="M21" s="88"/>
      <c r="N21" s="88"/>
      <c r="O21" s="88"/>
      <c r="P21" s="88"/>
      <c r="Q21" s="88"/>
      <c r="R21" s="88"/>
      <c r="S21" s="88"/>
      <c r="T21" s="88"/>
      <c r="U21" s="88"/>
      <c r="V21" s="88"/>
    </row>
  </sheetData>
  <mergeCells count="28">
    <mergeCell ref="A2:AF2"/>
    <mergeCell ref="S4:V4"/>
    <mergeCell ref="A6:C6"/>
    <mergeCell ref="D6:E6"/>
    <mergeCell ref="F6:G6"/>
    <mergeCell ref="H6:AF6"/>
    <mergeCell ref="A7:C8"/>
    <mergeCell ref="H7:H8"/>
    <mergeCell ref="H10:H11"/>
    <mergeCell ref="I10:I11"/>
    <mergeCell ref="J10:L11"/>
    <mergeCell ref="N10:P11"/>
    <mergeCell ref="H12:H13"/>
    <mergeCell ref="I12:I13"/>
    <mergeCell ref="J12:L13"/>
    <mergeCell ref="M12:M13"/>
    <mergeCell ref="N12:P13"/>
    <mergeCell ref="M10:M11"/>
    <mergeCell ref="H17:H18"/>
    <mergeCell ref="I17:I18"/>
    <mergeCell ref="J17:L18"/>
    <mergeCell ref="M17:M18"/>
    <mergeCell ref="N17:P18"/>
    <mergeCell ref="H15:H16"/>
    <mergeCell ref="I15:I16"/>
    <mergeCell ref="J15:L16"/>
    <mergeCell ref="M15:M16"/>
    <mergeCell ref="N15:P16"/>
  </mergeCells>
  <phoneticPr fontId="6"/>
  <dataValidations count="1">
    <dataValidation type="list" allowBlank="1" showInputMessage="1" showErrorMessage="1" sqref="M7:M8 Q7:Q8 U7:U8 I7:I19 L9 M10:M13 L14 M15:M18 L19 D11:D12 D16:D18 A11 A16">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32" fitToHeight="0" orientation="landscape" cellComments="asDisplayed"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B2:AM89"/>
  <sheetViews>
    <sheetView view="pageBreakPreview" topLeftCell="A21" zoomScaleNormal="100" zoomScaleSheetLayoutView="100" workbookViewId="0">
      <selection activeCell="J44" sqref="J44"/>
    </sheetView>
  </sheetViews>
  <sheetFormatPr defaultRowHeight="13.5"/>
  <cols>
    <col min="1" max="1" width="1.5" style="88" customWidth="1"/>
    <col min="2" max="2" width="10" style="88" customWidth="1"/>
    <col min="3" max="3" width="6.75" style="88" customWidth="1"/>
    <col min="4" max="4" width="10" style="88" customWidth="1"/>
    <col min="5" max="32" width="3.875" style="88" customWidth="1"/>
    <col min="33" max="35" width="9" style="88"/>
    <col min="36" max="36" width="2.5" style="88" customWidth="1"/>
    <col min="37" max="16384" width="9" style="88"/>
  </cols>
  <sheetData>
    <row r="2" spans="2:39">
      <c r="B2" s="115" t="s">
        <v>322</v>
      </c>
    </row>
    <row r="3" spans="2:39">
      <c r="B3" s="116"/>
    </row>
    <row r="4" spans="2:39" ht="13.5" customHeight="1">
      <c r="B4" s="115" t="s">
        <v>125</v>
      </c>
      <c r="X4" s="117" t="s">
        <v>126</v>
      </c>
    </row>
    <row r="5" spans="2:39" ht="6.75" customHeight="1">
      <c r="B5" s="115"/>
      <c r="W5" s="117"/>
      <c r="AJ5" s="136"/>
      <c r="AK5" s="136"/>
      <c r="AL5" s="136"/>
      <c r="AM5" s="136"/>
    </row>
    <row r="6" spans="2:39" ht="13.5" customHeight="1">
      <c r="X6" s="115" t="s">
        <v>127</v>
      </c>
      <c r="AJ6" s="136"/>
      <c r="AK6" s="136"/>
      <c r="AL6" s="136"/>
      <c r="AM6" s="136"/>
    </row>
    <row r="7" spans="2:39" ht="6.75" customHeight="1">
      <c r="W7" s="115"/>
      <c r="AJ7" s="136"/>
      <c r="AK7" s="136"/>
      <c r="AL7" s="136"/>
      <c r="AM7" s="136"/>
    </row>
    <row r="8" spans="2:39" ht="14.25" customHeight="1">
      <c r="B8" s="115" t="s">
        <v>128</v>
      </c>
      <c r="AB8" s="115" t="s">
        <v>129</v>
      </c>
      <c r="AJ8" s="136"/>
      <c r="AK8" s="136"/>
      <c r="AL8" s="136"/>
      <c r="AM8" s="136"/>
    </row>
    <row r="9" spans="2:39" ht="14.25" customHeight="1">
      <c r="B9" s="116"/>
      <c r="AJ9" s="136"/>
      <c r="AK9" s="136"/>
      <c r="AL9" s="136"/>
      <c r="AM9" s="136"/>
    </row>
    <row r="10" spans="2:39" ht="18" customHeight="1">
      <c r="B10" s="317" t="s">
        <v>130</v>
      </c>
      <c r="C10" s="317" t="s">
        <v>131</v>
      </c>
      <c r="D10" s="317" t="s">
        <v>132</v>
      </c>
      <c r="E10" s="323" t="s">
        <v>57</v>
      </c>
      <c r="F10" s="324"/>
      <c r="G10" s="324"/>
      <c r="H10" s="324"/>
      <c r="I10" s="324"/>
      <c r="J10" s="324"/>
      <c r="K10" s="325"/>
      <c r="L10" s="323" t="s">
        <v>58</v>
      </c>
      <c r="M10" s="324"/>
      <c r="N10" s="324"/>
      <c r="O10" s="324"/>
      <c r="P10" s="324"/>
      <c r="Q10" s="324"/>
      <c r="R10" s="325"/>
      <c r="S10" s="323" t="s">
        <v>59</v>
      </c>
      <c r="T10" s="324"/>
      <c r="U10" s="324"/>
      <c r="V10" s="324"/>
      <c r="W10" s="324"/>
      <c r="X10" s="324"/>
      <c r="Y10" s="325"/>
      <c r="Z10" s="323" t="s">
        <v>60</v>
      </c>
      <c r="AA10" s="324"/>
      <c r="AB10" s="324"/>
      <c r="AC10" s="324"/>
      <c r="AD10" s="324"/>
      <c r="AE10" s="324"/>
      <c r="AF10" s="328"/>
      <c r="AG10" s="329" t="s">
        <v>133</v>
      </c>
      <c r="AH10" s="317" t="s">
        <v>134</v>
      </c>
      <c r="AI10" s="317" t="s">
        <v>69</v>
      </c>
      <c r="AJ10" s="136"/>
      <c r="AK10" s="136"/>
      <c r="AL10" s="136"/>
      <c r="AM10" s="136"/>
    </row>
    <row r="11" spans="2:39" ht="18" customHeight="1">
      <c r="B11" s="321"/>
      <c r="C11" s="321"/>
      <c r="D11" s="321"/>
      <c r="E11" s="119">
        <v>1</v>
      </c>
      <c r="F11" s="119">
        <v>2</v>
      </c>
      <c r="G11" s="119">
        <v>3</v>
      </c>
      <c r="H11" s="119">
        <v>4</v>
      </c>
      <c r="I11" s="119">
        <v>5</v>
      </c>
      <c r="J11" s="119">
        <v>6</v>
      </c>
      <c r="K11" s="119">
        <v>7</v>
      </c>
      <c r="L11" s="119">
        <v>8</v>
      </c>
      <c r="M11" s="119">
        <v>9</v>
      </c>
      <c r="N11" s="119">
        <v>10</v>
      </c>
      <c r="O11" s="119">
        <v>11</v>
      </c>
      <c r="P11" s="119">
        <v>12</v>
      </c>
      <c r="Q11" s="119">
        <v>13</v>
      </c>
      <c r="R11" s="119">
        <v>14</v>
      </c>
      <c r="S11" s="119">
        <v>15</v>
      </c>
      <c r="T11" s="119">
        <v>16</v>
      </c>
      <c r="U11" s="119">
        <v>17</v>
      </c>
      <c r="V11" s="119">
        <v>18</v>
      </c>
      <c r="W11" s="119">
        <v>19</v>
      </c>
      <c r="X11" s="119">
        <v>20</v>
      </c>
      <c r="Y11" s="119">
        <v>21</v>
      </c>
      <c r="Z11" s="119">
        <v>22</v>
      </c>
      <c r="AA11" s="119">
        <v>23</v>
      </c>
      <c r="AB11" s="119">
        <v>24</v>
      </c>
      <c r="AC11" s="119">
        <v>25</v>
      </c>
      <c r="AD11" s="119">
        <v>26</v>
      </c>
      <c r="AE11" s="119">
        <v>27</v>
      </c>
      <c r="AF11" s="118">
        <v>28</v>
      </c>
      <c r="AG11" s="330"/>
      <c r="AH11" s="318"/>
      <c r="AI11" s="318"/>
      <c r="AJ11" s="136"/>
      <c r="AK11" s="136"/>
      <c r="AL11" s="136"/>
      <c r="AM11" s="136"/>
    </row>
    <row r="12" spans="2:39" ht="18" customHeight="1">
      <c r="B12" s="322"/>
      <c r="C12" s="322"/>
      <c r="D12" s="322"/>
      <c r="E12" s="119" t="s">
        <v>61</v>
      </c>
      <c r="F12" s="120"/>
      <c r="G12" s="120"/>
      <c r="H12" s="120"/>
      <c r="I12" s="120"/>
      <c r="J12" s="120"/>
      <c r="K12" s="120"/>
      <c r="L12" s="120"/>
      <c r="M12" s="120"/>
      <c r="N12" s="120"/>
      <c r="O12" s="120"/>
      <c r="P12" s="120"/>
      <c r="Q12" s="120"/>
      <c r="R12" s="120"/>
      <c r="S12" s="120"/>
      <c r="T12" s="120"/>
      <c r="U12" s="120"/>
      <c r="V12" s="120"/>
      <c r="W12" s="120"/>
      <c r="X12" s="120"/>
      <c r="Y12" s="120"/>
      <c r="Z12" s="120"/>
      <c r="AA12" s="120"/>
      <c r="AB12" s="120"/>
      <c r="AC12" s="120"/>
      <c r="AD12" s="120"/>
      <c r="AE12" s="120"/>
      <c r="AF12" s="121"/>
      <c r="AG12" s="331"/>
      <c r="AH12" s="319"/>
      <c r="AI12" s="319"/>
      <c r="AJ12" s="136"/>
      <c r="AK12" s="136"/>
      <c r="AL12" s="136"/>
      <c r="AM12" s="136"/>
    </row>
    <row r="13" spans="2:39" ht="18" customHeight="1">
      <c r="B13" s="320" t="s">
        <v>135</v>
      </c>
      <c r="C13" s="320"/>
      <c r="D13" s="320"/>
      <c r="E13" s="106" t="s">
        <v>62</v>
      </c>
      <c r="F13" s="106" t="s">
        <v>62</v>
      </c>
      <c r="G13" s="106" t="s">
        <v>63</v>
      </c>
      <c r="H13" s="106" t="s">
        <v>64</v>
      </c>
      <c r="I13" s="106" t="s">
        <v>65</v>
      </c>
      <c r="J13" s="106" t="s">
        <v>62</v>
      </c>
      <c r="K13" s="106" t="s">
        <v>65</v>
      </c>
      <c r="L13" s="122"/>
      <c r="M13" s="122"/>
      <c r="N13" s="122"/>
      <c r="O13" s="122"/>
      <c r="P13" s="122"/>
      <c r="Q13" s="122"/>
      <c r="R13" s="122"/>
      <c r="S13" s="122"/>
      <c r="T13" s="122"/>
      <c r="U13" s="122"/>
      <c r="V13" s="122"/>
      <c r="W13" s="122"/>
      <c r="X13" s="122"/>
      <c r="Y13" s="122"/>
      <c r="Z13" s="122"/>
      <c r="AA13" s="122"/>
      <c r="AB13" s="122"/>
      <c r="AC13" s="122"/>
      <c r="AD13" s="122"/>
      <c r="AE13" s="122"/>
      <c r="AF13" s="123"/>
      <c r="AG13" s="124"/>
      <c r="AH13" s="125"/>
      <c r="AI13" s="125"/>
    </row>
    <row r="14" spans="2:39" ht="18" customHeight="1">
      <c r="B14" s="320" t="s">
        <v>136</v>
      </c>
      <c r="C14" s="320"/>
      <c r="D14" s="320"/>
      <c r="E14" s="106" t="s">
        <v>66</v>
      </c>
      <c r="F14" s="106" t="s">
        <v>66</v>
      </c>
      <c r="G14" s="106" t="s">
        <v>66</v>
      </c>
      <c r="H14" s="106" t="s">
        <v>67</v>
      </c>
      <c r="I14" s="106" t="s">
        <v>67</v>
      </c>
      <c r="J14" s="106" t="s">
        <v>68</v>
      </c>
      <c r="K14" s="106" t="s">
        <v>68</v>
      </c>
      <c r="L14" s="122"/>
      <c r="M14" s="122"/>
      <c r="N14" s="122"/>
      <c r="O14" s="122"/>
      <c r="P14" s="122"/>
      <c r="Q14" s="122"/>
      <c r="R14" s="122"/>
      <c r="S14" s="122"/>
      <c r="T14" s="122"/>
      <c r="U14" s="122"/>
      <c r="V14" s="122"/>
      <c r="W14" s="122"/>
      <c r="X14" s="122"/>
      <c r="Y14" s="122"/>
      <c r="Z14" s="122"/>
      <c r="AA14" s="122"/>
      <c r="AB14" s="122"/>
      <c r="AC14" s="122"/>
      <c r="AD14" s="122"/>
      <c r="AE14" s="122"/>
      <c r="AF14" s="123"/>
      <c r="AG14" s="124"/>
      <c r="AH14" s="125"/>
      <c r="AI14" s="125"/>
    </row>
    <row r="15" spans="2:39" ht="18" customHeight="1">
      <c r="B15" s="125"/>
      <c r="C15" s="125"/>
      <c r="D15" s="125"/>
      <c r="E15" s="106"/>
      <c r="F15" s="106"/>
      <c r="G15" s="106"/>
      <c r="H15" s="106"/>
      <c r="I15" s="106"/>
      <c r="J15" s="106"/>
      <c r="K15" s="106"/>
      <c r="L15" s="106"/>
      <c r="M15" s="106"/>
      <c r="N15" s="106"/>
      <c r="O15" s="106"/>
      <c r="P15" s="106"/>
      <c r="Q15" s="106"/>
      <c r="R15" s="106"/>
      <c r="S15" s="106"/>
      <c r="T15" s="106"/>
      <c r="U15" s="106"/>
      <c r="V15" s="106"/>
      <c r="W15" s="106"/>
      <c r="X15" s="106"/>
      <c r="Y15" s="106"/>
      <c r="Z15" s="106"/>
      <c r="AA15" s="106"/>
      <c r="AB15" s="106"/>
      <c r="AC15" s="106"/>
      <c r="AD15" s="106"/>
      <c r="AE15" s="106"/>
      <c r="AF15" s="107"/>
      <c r="AG15" s="124"/>
      <c r="AH15" s="125"/>
      <c r="AI15" s="125"/>
    </row>
    <row r="16" spans="2:39" ht="18" customHeight="1">
      <c r="B16" s="125"/>
      <c r="C16" s="125"/>
      <c r="D16" s="125"/>
      <c r="E16" s="106"/>
      <c r="F16" s="106"/>
      <c r="G16" s="106"/>
      <c r="H16" s="106"/>
      <c r="I16" s="106"/>
      <c r="J16" s="106"/>
      <c r="K16" s="106"/>
      <c r="L16" s="106"/>
      <c r="M16" s="106"/>
      <c r="N16" s="106"/>
      <c r="O16" s="106"/>
      <c r="P16" s="106"/>
      <c r="Q16" s="106"/>
      <c r="R16" s="106"/>
      <c r="S16" s="106"/>
      <c r="T16" s="106"/>
      <c r="U16" s="106"/>
      <c r="V16" s="106"/>
      <c r="W16" s="106"/>
      <c r="X16" s="106"/>
      <c r="Y16" s="106"/>
      <c r="Z16" s="106"/>
      <c r="AA16" s="106"/>
      <c r="AB16" s="106"/>
      <c r="AC16" s="106"/>
      <c r="AD16" s="106"/>
      <c r="AE16" s="106"/>
      <c r="AF16" s="107"/>
      <c r="AG16" s="124"/>
      <c r="AH16" s="125"/>
      <c r="AI16" s="125"/>
    </row>
    <row r="17" spans="2:37" ht="18" customHeight="1">
      <c r="B17" s="125"/>
      <c r="C17" s="125"/>
      <c r="D17" s="125"/>
      <c r="E17" s="106"/>
      <c r="F17" s="106"/>
      <c r="G17" s="106"/>
      <c r="H17" s="106"/>
      <c r="I17" s="106"/>
      <c r="J17" s="106"/>
      <c r="K17" s="106"/>
      <c r="L17" s="106"/>
      <c r="M17" s="106"/>
      <c r="N17" s="106"/>
      <c r="O17" s="106"/>
      <c r="P17" s="106"/>
      <c r="Q17" s="106"/>
      <c r="R17" s="106"/>
      <c r="S17" s="106"/>
      <c r="T17" s="106"/>
      <c r="U17" s="106"/>
      <c r="V17" s="106"/>
      <c r="W17" s="106"/>
      <c r="X17" s="106"/>
      <c r="Y17" s="106"/>
      <c r="Z17" s="106"/>
      <c r="AA17" s="106"/>
      <c r="AB17" s="106"/>
      <c r="AC17" s="106"/>
      <c r="AD17" s="106"/>
      <c r="AE17" s="106"/>
      <c r="AF17" s="107"/>
      <c r="AG17" s="124"/>
      <c r="AH17" s="125"/>
      <c r="AI17" s="125"/>
    </row>
    <row r="18" spans="2:37" ht="18" customHeight="1">
      <c r="B18" s="125"/>
      <c r="C18" s="125"/>
      <c r="D18" s="125"/>
      <c r="E18" s="106"/>
      <c r="F18" s="106"/>
      <c r="G18" s="106"/>
      <c r="H18" s="106"/>
      <c r="I18" s="106"/>
      <c r="J18" s="106"/>
      <c r="K18" s="106"/>
      <c r="L18" s="106"/>
      <c r="M18" s="106"/>
      <c r="N18" s="106"/>
      <c r="O18" s="106"/>
      <c r="P18" s="106"/>
      <c r="Q18" s="106"/>
      <c r="R18" s="106"/>
      <c r="S18" s="106"/>
      <c r="T18" s="106"/>
      <c r="U18" s="106"/>
      <c r="V18" s="106"/>
      <c r="W18" s="106"/>
      <c r="X18" s="106"/>
      <c r="Y18" s="106"/>
      <c r="Z18" s="106"/>
      <c r="AA18" s="106"/>
      <c r="AB18" s="106"/>
      <c r="AC18" s="106"/>
      <c r="AD18" s="106"/>
      <c r="AE18" s="106"/>
      <c r="AF18" s="107"/>
      <c r="AG18" s="124"/>
      <c r="AH18" s="125"/>
      <c r="AI18" s="125"/>
    </row>
    <row r="19" spans="2:37" ht="18" customHeight="1">
      <c r="B19" s="125"/>
      <c r="C19" s="125"/>
      <c r="D19" s="125"/>
      <c r="E19" s="106"/>
      <c r="F19" s="106"/>
      <c r="G19" s="106"/>
      <c r="H19" s="106"/>
      <c r="I19" s="106"/>
      <c r="J19" s="106"/>
      <c r="K19" s="106"/>
      <c r="L19" s="106"/>
      <c r="M19" s="106"/>
      <c r="N19" s="106"/>
      <c r="O19" s="106"/>
      <c r="P19" s="106"/>
      <c r="Q19" s="106"/>
      <c r="R19" s="106"/>
      <c r="S19" s="106"/>
      <c r="T19" s="106"/>
      <c r="U19" s="106"/>
      <c r="V19" s="106"/>
      <c r="W19" s="106"/>
      <c r="X19" s="106"/>
      <c r="Y19" s="106"/>
      <c r="Z19" s="106"/>
      <c r="AA19" s="106"/>
      <c r="AB19" s="106"/>
      <c r="AC19" s="106"/>
      <c r="AD19" s="106"/>
      <c r="AE19" s="106"/>
      <c r="AF19" s="107"/>
      <c r="AG19" s="124"/>
      <c r="AH19" s="125"/>
      <c r="AI19" s="125"/>
    </row>
    <row r="20" spans="2:37" ht="18" customHeight="1">
      <c r="B20" s="125"/>
      <c r="C20" s="125"/>
      <c r="D20" s="125"/>
      <c r="E20" s="106"/>
      <c r="F20" s="106"/>
      <c r="G20" s="106"/>
      <c r="H20" s="106"/>
      <c r="I20" s="106"/>
      <c r="J20" s="106"/>
      <c r="K20" s="106"/>
      <c r="L20" s="106"/>
      <c r="M20" s="106"/>
      <c r="N20" s="106"/>
      <c r="O20" s="106"/>
      <c r="P20" s="106"/>
      <c r="Q20" s="106"/>
      <c r="R20" s="106"/>
      <c r="S20" s="106"/>
      <c r="T20" s="106"/>
      <c r="U20" s="106"/>
      <c r="V20" s="106"/>
      <c r="W20" s="106"/>
      <c r="X20" s="106"/>
      <c r="Y20" s="106"/>
      <c r="Z20" s="106"/>
      <c r="AA20" s="106"/>
      <c r="AB20" s="106"/>
      <c r="AC20" s="106"/>
      <c r="AD20" s="106"/>
      <c r="AE20" s="106"/>
      <c r="AF20" s="107"/>
      <c r="AG20" s="124"/>
      <c r="AH20" s="125"/>
      <c r="AI20" s="125"/>
    </row>
    <row r="21" spans="2:37" ht="18" customHeight="1">
      <c r="B21" s="125"/>
      <c r="C21" s="125"/>
      <c r="D21" s="125"/>
      <c r="E21" s="106"/>
      <c r="F21" s="106"/>
      <c r="G21" s="106"/>
      <c r="H21" s="106"/>
      <c r="I21" s="106"/>
      <c r="J21" s="106"/>
      <c r="K21" s="106"/>
      <c r="L21" s="106"/>
      <c r="M21" s="106"/>
      <c r="N21" s="106"/>
      <c r="O21" s="106"/>
      <c r="P21" s="106"/>
      <c r="Q21" s="106"/>
      <c r="R21" s="106"/>
      <c r="S21" s="106"/>
      <c r="T21" s="106"/>
      <c r="U21" s="106"/>
      <c r="V21" s="106"/>
      <c r="W21" s="106"/>
      <c r="X21" s="106"/>
      <c r="Y21" s="106"/>
      <c r="Z21" s="106"/>
      <c r="AA21" s="106"/>
      <c r="AB21" s="106"/>
      <c r="AC21" s="106"/>
      <c r="AD21" s="106"/>
      <c r="AE21" s="106"/>
      <c r="AF21" s="107"/>
      <c r="AG21" s="124"/>
      <c r="AH21" s="125"/>
      <c r="AI21" s="125"/>
    </row>
    <row r="22" spans="2:37" ht="18" customHeight="1">
      <c r="B22" s="125"/>
      <c r="C22" s="125"/>
      <c r="D22" s="125"/>
      <c r="E22" s="106"/>
      <c r="F22" s="106"/>
      <c r="G22" s="106"/>
      <c r="H22" s="106"/>
      <c r="I22" s="106"/>
      <c r="J22" s="106"/>
      <c r="K22" s="106"/>
      <c r="L22" s="106"/>
      <c r="M22" s="106"/>
      <c r="N22" s="106"/>
      <c r="O22" s="106"/>
      <c r="P22" s="106"/>
      <c r="Q22" s="106"/>
      <c r="R22" s="106"/>
      <c r="S22" s="106"/>
      <c r="T22" s="106"/>
      <c r="U22" s="106"/>
      <c r="V22" s="106"/>
      <c r="W22" s="106"/>
      <c r="X22" s="106"/>
      <c r="Y22" s="106"/>
      <c r="Z22" s="106"/>
      <c r="AA22" s="106"/>
      <c r="AB22" s="106"/>
      <c r="AC22" s="106"/>
      <c r="AD22" s="106"/>
      <c r="AE22" s="106"/>
      <c r="AF22" s="106"/>
      <c r="AG22" s="124"/>
      <c r="AH22" s="125"/>
      <c r="AI22" s="125"/>
    </row>
    <row r="23" spans="2:37" ht="18" customHeight="1">
      <c r="B23" s="125"/>
      <c r="C23" s="125"/>
      <c r="D23" s="125"/>
      <c r="E23" s="106"/>
      <c r="F23" s="106"/>
      <c r="G23" s="106"/>
      <c r="H23" s="106"/>
      <c r="I23" s="106"/>
      <c r="J23" s="106"/>
      <c r="K23" s="106"/>
      <c r="L23" s="106"/>
      <c r="M23" s="106"/>
      <c r="N23" s="106"/>
      <c r="O23" s="106"/>
      <c r="P23" s="106"/>
      <c r="Q23" s="106"/>
      <c r="R23" s="106"/>
      <c r="S23" s="106"/>
      <c r="T23" s="106"/>
      <c r="U23" s="106"/>
      <c r="V23" s="106"/>
      <c r="W23" s="106"/>
      <c r="X23" s="106"/>
      <c r="Y23" s="106"/>
      <c r="Z23" s="106"/>
      <c r="AA23" s="106"/>
      <c r="AB23" s="106"/>
      <c r="AC23" s="106"/>
      <c r="AD23" s="106"/>
      <c r="AE23" s="106"/>
      <c r="AF23" s="106"/>
      <c r="AG23" s="124"/>
      <c r="AH23" s="125"/>
      <c r="AI23" s="125"/>
    </row>
    <row r="24" spans="2:37" ht="18" customHeight="1" thickBot="1">
      <c r="B24" s="126"/>
      <c r="D24" s="126"/>
      <c r="E24" s="108"/>
      <c r="F24" s="108"/>
      <c r="G24" s="108"/>
      <c r="H24" s="108"/>
      <c r="I24" s="108"/>
      <c r="J24" s="108"/>
      <c r="K24" s="108"/>
      <c r="L24" s="108"/>
      <c r="M24" s="108"/>
      <c r="N24" s="108"/>
      <c r="O24" s="108"/>
      <c r="P24" s="108"/>
      <c r="Q24" s="108"/>
      <c r="R24" s="108"/>
      <c r="S24" s="108"/>
      <c r="T24" s="108"/>
      <c r="U24" s="108"/>
      <c r="V24" s="108"/>
      <c r="W24" s="108"/>
      <c r="X24" s="108"/>
      <c r="Y24" s="108"/>
      <c r="Z24" s="108"/>
      <c r="AA24" s="108"/>
      <c r="AB24" s="108"/>
      <c r="AC24" s="108"/>
      <c r="AD24" s="108"/>
      <c r="AE24" s="108"/>
      <c r="AF24" s="108"/>
      <c r="AG24" s="124"/>
      <c r="AH24" s="125"/>
      <c r="AI24" s="125"/>
    </row>
    <row r="25" spans="2:37" ht="18" customHeight="1" thickTop="1">
      <c r="B25" s="326" t="s">
        <v>183</v>
      </c>
      <c r="C25" s="327" t="s">
        <v>184</v>
      </c>
      <c r="D25" s="327"/>
      <c r="E25" s="137"/>
      <c r="F25" s="137"/>
      <c r="G25" s="137"/>
      <c r="H25" s="137"/>
      <c r="I25" s="137"/>
      <c r="J25" s="137"/>
      <c r="K25" s="137"/>
      <c r="L25" s="137"/>
      <c r="M25" s="137"/>
      <c r="N25" s="137"/>
      <c r="O25" s="137"/>
      <c r="P25" s="137"/>
      <c r="Q25" s="137"/>
      <c r="R25" s="137"/>
      <c r="S25" s="137"/>
      <c r="T25" s="137"/>
      <c r="U25" s="137"/>
      <c r="V25" s="137"/>
      <c r="W25" s="137"/>
      <c r="X25" s="137"/>
      <c r="Y25" s="137"/>
      <c r="Z25" s="137"/>
      <c r="AA25" s="137"/>
      <c r="AB25" s="137"/>
      <c r="AC25" s="137"/>
      <c r="AD25" s="137"/>
      <c r="AE25" s="137"/>
      <c r="AF25" s="137"/>
      <c r="AI25" s="96"/>
    </row>
    <row r="26" spans="2:37" ht="30" customHeight="1">
      <c r="B26" s="320"/>
      <c r="C26" s="320" t="s">
        <v>185</v>
      </c>
      <c r="D26" s="320"/>
      <c r="E26" s="138"/>
      <c r="F26" s="138"/>
      <c r="G26" s="138"/>
      <c r="H26" s="138"/>
      <c r="I26" s="138"/>
      <c r="J26" s="138"/>
      <c r="K26" s="138"/>
      <c r="L26" s="138"/>
      <c r="M26" s="138"/>
      <c r="N26" s="138"/>
      <c r="O26" s="138"/>
      <c r="P26" s="138"/>
      <c r="Q26" s="138"/>
      <c r="R26" s="138"/>
      <c r="S26" s="138"/>
      <c r="T26" s="138"/>
      <c r="U26" s="138"/>
      <c r="V26" s="138"/>
      <c r="W26" s="138"/>
      <c r="X26" s="138"/>
      <c r="Y26" s="138"/>
      <c r="Z26" s="138"/>
      <c r="AA26" s="138"/>
      <c r="AB26" s="138"/>
      <c r="AC26" s="138"/>
      <c r="AD26" s="138"/>
      <c r="AE26" s="138"/>
      <c r="AF26" s="138"/>
      <c r="AI26" s="97"/>
    </row>
    <row r="27" spans="2:37" ht="8.25" customHeight="1">
      <c r="B27" s="127"/>
      <c r="C27" s="128"/>
      <c r="D27" s="128"/>
      <c r="E27" s="128"/>
      <c r="F27" s="128"/>
      <c r="G27" s="128"/>
      <c r="H27" s="128"/>
      <c r="I27" s="128"/>
      <c r="J27" s="128"/>
      <c r="K27" s="128"/>
      <c r="L27" s="128"/>
      <c r="M27" s="128"/>
      <c r="N27" s="128"/>
      <c r="O27" s="128"/>
      <c r="P27" s="128"/>
      <c r="Q27" s="128"/>
      <c r="R27" s="128"/>
      <c r="S27" s="128"/>
      <c r="T27" s="128"/>
      <c r="U27" s="128"/>
      <c r="V27" s="128"/>
      <c r="W27" s="128"/>
      <c r="X27" s="128"/>
      <c r="Y27" s="128"/>
      <c r="Z27" s="128"/>
      <c r="AA27" s="128"/>
      <c r="AB27" s="128"/>
      <c r="AC27" s="128"/>
      <c r="AD27" s="128"/>
      <c r="AE27" s="128"/>
      <c r="AF27" s="128"/>
      <c r="AI27" s="97"/>
    </row>
    <row r="28" spans="2:37">
      <c r="B28" s="129" t="s">
        <v>70</v>
      </c>
      <c r="C28" s="94"/>
      <c r="D28" s="94"/>
      <c r="E28" s="130"/>
      <c r="F28" s="94"/>
      <c r="G28" s="94"/>
      <c r="H28" s="94"/>
      <c r="I28" s="94"/>
      <c r="J28" s="94"/>
      <c r="K28" s="94"/>
      <c r="L28" s="94"/>
      <c r="M28" s="94"/>
      <c r="N28" s="94"/>
      <c r="O28" s="94"/>
      <c r="P28" s="94"/>
      <c r="Q28" s="94"/>
      <c r="R28" s="94"/>
      <c r="S28" s="94"/>
      <c r="T28" s="94"/>
      <c r="U28" s="94"/>
      <c r="V28" s="94"/>
      <c r="W28" s="94"/>
      <c r="X28" s="94"/>
      <c r="Y28" s="94"/>
      <c r="Z28" s="94"/>
      <c r="AA28" s="94"/>
      <c r="AB28" s="94"/>
      <c r="AC28" s="94"/>
      <c r="AD28" s="94"/>
      <c r="AE28" s="94"/>
      <c r="AF28" s="94"/>
      <c r="AG28" s="94"/>
      <c r="AH28" s="94"/>
      <c r="AI28" s="131"/>
      <c r="AJ28" s="132"/>
      <c r="AK28" s="132"/>
    </row>
    <row r="29" spans="2:37" ht="6" customHeight="1">
      <c r="B29" s="129"/>
      <c r="C29" s="94"/>
      <c r="D29" s="94"/>
      <c r="E29" s="94"/>
      <c r="F29" s="94"/>
      <c r="G29" s="94"/>
      <c r="H29" s="94"/>
      <c r="I29" s="94"/>
      <c r="J29" s="94"/>
      <c r="K29" s="94"/>
      <c r="L29" s="94"/>
      <c r="M29" s="94"/>
      <c r="N29" s="94"/>
      <c r="O29" s="94"/>
      <c r="P29" s="94"/>
      <c r="Q29" s="94"/>
      <c r="R29" s="94"/>
      <c r="S29" s="94"/>
      <c r="T29" s="94"/>
      <c r="U29" s="94"/>
      <c r="V29" s="94"/>
      <c r="W29" s="94"/>
      <c r="X29" s="94"/>
      <c r="Y29" s="94"/>
      <c r="Z29" s="94"/>
      <c r="AA29" s="94"/>
      <c r="AB29" s="94"/>
      <c r="AC29" s="94"/>
      <c r="AD29" s="94"/>
      <c r="AE29" s="94"/>
      <c r="AF29" s="94"/>
      <c r="AG29" s="94"/>
      <c r="AH29" s="94"/>
      <c r="AI29" s="97"/>
    </row>
    <row r="30" spans="2:37">
      <c r="B30" s="129" t="s">
        <v>71</v>
      </c>
      <c r="C30" s="94"/>
      <c r="D30" s="94"/>
      <c r="E30" s="94"/>
      <c r="F30" s="94"/>
      <c r="G30" s="94"/>
      <c r="H30" s="94"/>
      <c r="I30" s="94"/>
      <c r="J30" s="94"/>
      <c r="K30" s="94"/>
      <c r="L30" s="94"/>
      <c r="M30" s="94"/>
      <c r="N30" s="94"/>
      <c r="O30" s="94"/>
      <c r="P30" s="94"/>
      <c r="Q30" s="94"/>
      <c r="R30" s="94"/>
      <c r="S30" s="94"/>
      <c r="T30" s="94"/>
      <c r="U30" s="94"/>
      <c r="V30" s="94"/>
      <c r="W30" s="94"/>
      <c r="X30" s="94"/>
      <c r="Y30" s="94"/>
      <c r="Z30" s="94"/>
      <c r="AA30" s="94"/>
      <c r="AB30" s="94"/>
      <c r="AC30" s="94"/>
      <c r="AD30" s="94"/>
      <c r="AE30" s="94"/>
      <c r="AF30" s="94"/>
      <c r="AG30" s="94"/>
      <c r="AH30" s="94"/>
      <c r="AI30" s="97"/>
    </row>
    <row r="31" spans="2:37">
      <c r="B31" s="129" t="s">
        <v>137</v>
      </c>
      <c r="C31" s="94"/>
      <c r="D31" s="94"/>
      <c r="E31" s="94"/>
      <c r="F31" s="94"/>
      <c r="G31" s="94"/>
      <c r="H31" s="94"/>
      <c r="I31" s="94"/>
      <c r="J31" s="94"/>
      <c r="K31" s="94"/>
      <c r="L31" s="94"/>
      <c r="M31" s="94"/>
      <c r="N31" s="94"/>
      <c r="O31" s="94"/>
      <c r="P31" s="94"/>
      <c r="Q31" s="94"/>
      <c r="R31" s="94"/>
      <c r="S31" s="94"/>
      <c r="T31" s="94"/>
      <c r="U31" s="94"/>
      <c r="V31" s="94"/>
      <c r="W31" s="94"/>
      <c r="X31" s="94"/>
      <c r="Y31" s="94"/>
      <c r="Z31" s="94"/>
      <c r="AA31" s="94"/>
      <c r="AB31" s="94"/>
      <c r="AC31" s="94"/>
      <c r="AD31" s="94"/>
      <c r="AE31" s="94"/>
      <c r="AF31" s="94"/>
      <c r="AG31" s="94"/>
      <c r="AH31" s="94"/>
      <c r="AI31" s="97"/>
    </row>
    <row r="32" spans="2:37" ht="6.75" customHeight="1">
      <c r="B32" s="129"/>
      <c r="C32" s="94"/>
      <c r="D32" s="94"/>
      <c r="E32" s="94"/>
      <c r="F32" s="94"/>
      <c r="G32" s="94"/>
      <c r="H32" s="94"/>
      <c r="I32" s="94"/>
      <c r="J32" s="94"/>
      <c r="K32" s="94"/>
      <c r="L32" s="94"/>
      <c r="M32" s="94"/>
      <c r="N32" s="94"/>
      <c r="O32" s="94"/>
      <c r="P32" s="94"/>
      <c r="Q32" s="94"/>
      <c r="R32" s="94"/>
      <c r="S32" s="94"/>
      <c r="T32" s="94"/>
      <c r="U32" s="94"/>
      <c r="V32" s="94"/>
      <c r="W32" s="94"/>
      <c r="X32" s="94"/>
      <c r="Y32" s="94"/>
      <c r="Z32" s="94"/>
      <c r="AA32" s="94"/>
      <c r="AB32" s="94"/>
      <c r="AC32" s="94"/>
      <c r="AD32" s="94"/>
      <c r="AE32" s="94"/>
      <c r="AF32" s="94"/>
      <c r="AG32" s="94"/>
      <c r="AH32" s="94"/>
      <c r="AI32" s="97"/>
    </row>
    <row r="33" spans="2:35">
      <c r="B33" s="129" t="s">
        <v>72</v>
      </c>
      <c r="C33" s="94"/>
      <c r="D33" s="94"/>
      <c r="E33" s="94"/>
      <c r="F33" s="94"/>
      <c r="G33" s="94"/>
      <c r="H33" s="94"/>
      <c r="I33" s="94"/>
      <c r="J33" s="94"/>
      <c r="K33" s="94"/>
      <c r="L33" s="94"/>
      <c r="M33" s="94"/>
      <c r="N33" s="94"/>
      <c r="O33" s="94"/>
      <c r="P33" s="94"/>
      <c r="Q33" s="94"/>
      <c r="R33" s="94"/>
      <c r="S33" s="94"/>
      <c r="T33" s="94"/>
      <c r="U33" s="94"/>
      <c r="V33" s="94"/>
      <c r="W33" s="94"/>
      <c r="X33" s="94"/>
      <c r="Y33" s="94"/>
      <c r="Z33" s="94"/>
      <c r="AA33" s="94"/>
      <c r="AB33" s="94"/>
      <c r="AC33" s="94"/>
      <c r="AD33" s="94"/>
      <c r="AE33" s="94"/>
      <c r="AF33" s="94"/>
      <c r="AG33" s="94"/>
      <c r="AH33" s="94"/>
      <c r="AI33" s="97"/>
    </row>
    <row r="34" spans="2:35">
      <c r="B34" s="129" t="s">
        <v>137</v>
      </c>
      <c r="C34" s="94"/>
      <c r="D34" s="94"/>
      <c r="E34" s="94"/>
      <c r="F34" s="94"/>
      <c r="G34" s="94"/>
      <c r="H34" s="94"/>
      <c r="I34" s="94"/>
      <c r="J34" s="94"/>
      <c r="K34" s="94"/>
      <c r="L34" s="94"/>
      <c r="M34" s="94"/>
      <c r="N34" s="94"/>
      <c r="O34" s="94"/>
      <c r="P34" s="94"/>
      <c r="Q34" s="94"/>
      <c r="R34" s="94"/>
      <c r="S34" s="94"/>
      <c r="T34" s="94"/>
      <c r="U34" s="94"/>
      <c r="V34" s="94"/>
      <c r="W34" s="94"/>
      <c r="X34" s="94"/>
      <c r="Y34" s="94"/>
      <c r="Z34" s="94"/>
      <c r="AA34" s="94"/>
      <c r="AB34" s="94"/>
      <c r="AC34" s="94"/>
      <c r="AD34" s="94"/>
      <c r="AE34" s="94"/>
      <c r="AF34" s="94"/>
      <c r="AG34" s="94"/>
      <c r="AH34" s="94"/>
      <c r="AI34" s="97"/>
    </row>
    <row r="35" spans="2:35" ht="6.75" customHeight="1">
      <c r="B35" s="129"/>
      <c r="C35" s="94"/>
      <c r="D35" s="94"/>
      <c r="E35" s="94"/>
      <c r="F35" s="94"/>
      <c r="G35" s="94"/>
      <c r="H35" s="94"/>
      <c r="I35" s="94"/>
      <c r="J35" s="94"/>
      <c r="K35" s="94"/>
      <c r="L35" s="94"/>
      <c r="M35" s="94"/>
      <c r="N35" s="94"/>
      <c r="O35" s="94"/>
      <c r="P35" s="94"/>
      <c r="Q35" s="94"/>
      <c r="R35" s="94"/>
      <c r="S35" s="94"/>
      <c r="T35" s="94"/>
      <c r="U35" s="94"/>
      <c r="V35" s="94"/>
      <c r="W35" s="94"/>
      <c r="X35" s="94"/>
      <c r="Y35" s="94"/>
      <c r="Z35" s="94"/>
      <c r="AA35" s="94"/>
      <c r="AB35" s="94"/>
      <c r="AC35" s="94"/>
      <c r="AD35" s="94"/>
      <c r="AE35" s="94"/>
      <c r="AF35" s="94"/>
      <c r="AG35" s="94"/>
      <c r="AH35" s="94"/>
      <c r="AI35" s="97"/>
    </row>
    <row r="36" spans="2:35">
      <c r="B36" s="129" t="s">
        <v>73</v>
      </c>
      <c r="C36" s="94"/>
      <c r="D36" s="94"/>
      <c r="E36" s="94"/>
      <c r="F36" s="94"/>
      <c r="G36" s="94"/>
      <c r="H36" s="94"/>
      <c r="I36" s="94"/>
      <c r="J36" s="94"/>
      <c r="K36" s="94"/>
      <c r="L36" s="94"/>
      <c r="M36" s="94"/>
      <c r="N36" s="94"/>
      <c r="O36" s="94"/>
      <c r="P36" s="94"/>
      <c r="Q36" s="94"/>
      <c r="R36" s="94"/>
      <c r="S36" s="94"/>
      <c r="T36" s="94"/>
      <c r="U36" s="94"/>
      <c r="V36" s="94"/>
      <c r="W36" s="94"/>
      <c r="X36" s="94"/>
      <c r="Y36" s="94"/>
      <c r="Z36" s="94"/>
      <c r="AA36" s="94"/>
      <c r="AB36" s="94"/>
      <c r="AC36" s="94"/>
      <c r="AD36" s="94"/>
      <c r="AE36" s="94"/>
      <c r="AF36" s="94"/>
      <c r="AG36" s="94"/>
      <c r="AH36" s="94"/>
      <c r="AI36" s="97"/>
    </row>
    <row r="37" spans="2:35">
      <c r="B37" s="129" t="s">
        <v>137</v>
      </c>
      <c r="C37" s="94"/>
      <c r="D37" s="94"/>
      <c r="E37" s="94"/>
      <c r="F37" s="94"/>
      <c r="G37" s="94"/>
      <c r="H37" s="94"/>
      <c r="I37" s="94"/>
      <c r="J37" s="94"/>
      <c r="K37" s="94"/>
      <c r="L37" s="94"/>
      <c r="M37" s="94"/>
      <c r="N37" s="94"/>
      <c r="O37" s="94"/>
      <c r="P37" s="94"/>
      <c r="Q37" s="94"/>
      <c r="R37" s="94"/>
      <c r="S37" s="94"/>
      <c r="T37" s="94"/>
      <c r="U37" s="94"/>
      <c r="V37" s="94"/>
      <c r="W37" s="94"/>
      <c r="X37" s="94"/>
      <c r="Y37" s="94"/>
      <c r="Z37" s="94"/>
      <c r="AA37" s="94"/>
      <c r="AB37" s="94"/>
      <c r="AC37" s="94"/>
      <c r="AD37" s="94"/>
      <c r="AE37" s="94"/>
      <c r="AF37" s="94"/>
      <c r="AG37" s="94"/>
      <c r="AH37" s="94"/>
      <c r="AI37" s="97"/>
    </row>
    <row r="38" spans="2:35" ht="6" customHeight="1">
      <c r="B38" s="133"/>
      <c r="C38" s="98"/>
      <c r="D38" s="98"/>
      <c r="E38" s="98"/>
      <c r="F38" s="98"/>
      <c r="G38" s="98"/>
      <c r="H38" s="98"/>
      <c r="I38" s="98"/>
      <c r="J38" s="98"/>
      <c r="K38" s="98"/>
      <c r="L38" s="98"/>
      <c r="M38" s="98"/>
      <c r="N38" s="98"/>
      <c r="O38" s="98"/>
      <c r="P38" s="98"/>
      <c r="Q38" s="98"/>
      <c r="R38" s="98"/>
      <c r="S38" s="98"/>
      <c r="T38" s="98"/>
      <c r="U38" s="98"/>
      <c r="V38" s="98"/>
      <c r="W38" s="98"/>
      <c r="X38" s="98"/>
      <c r="Y38" s="98"/>
      <c r="Z38" s="98"/>
      <c r="AA38" s="98"/>
      <c r="AB38" s="98"/>
      <c r="AC38" s="98"/>
      <c r="AD38" s="98"/>
      <c r="AE38" s="98"/>
      <c r="AF38" s="98"/>
      <c r="AG38" s="98"/>
      <c r="AH38" s="98"/>
      <c r="AI38" s="99"/>
    </row>
    <row r="39" spans="2:35" ht="6" customHeight="1">
      <c r="B39" s="134"/>
      <c r="C39" s="94"/>
      <c r="D39" s="94"/>
      <c r="E39" s="94"/>
    </row>
    <row r="40" spans="2:35" ht="6.75" customHeight="1">
      <c r="B40" s="134"/>
      <c r="C40" s="94"/>
      <c r="D40" s="94"/>
      <c r="E40" s="94"/>
    </row>
    <row r="41" spans="2:35">
      <c r="B41" s="86" t="s">
        <v>138</v>
      </c>
    </row>
    <row r="42" spans="2:35">
      <c r="B42" s="86" t="s">
        <v>139</v>
      </c>
    </row>
    <row r="43" spans="2:35">
      <c r="B43" s="86" t="s">
        <v>140</v>
      </c>
    </row>
    <row r="44" spans="2:35">
      <c r="B44" s="86" t="s">
        <v>141</v>
      </c>
    </row>
    <row r="45" spans="2:35">
      <c r="B45" s="86" t="s">
        <v>142</v>
      </c>
    </row>
    <row r="46" spans="2:35">
      <c r="B46" s="86" t="s">
        <v>143</v>
      </c>
    </row>
    <row r="47" spans="2:35">
      <c r="B47" s="86" t="s">
        <v>144</v>
      </c>
    </row>
    <row r="48" spans="2:35">
      <c r="B48" s="86" t="s">
        <v>145</v>
      </c>
    </row>
    <row r="49" spans="2:2">
      <c r="B49" s="86" t="s">
        <v>146</v>
      </c>
    </row>
    <row r="50" spans="2:2">
      <c r="B50" s="86" t="s">
        <v>147</v>
      </c>
    </row>
    <row r="51" spans="2:2" ht="14.25">
      <c r="B51" s="135" t="s">
        <v>148</v>
      </c>
    </row>
    <row r="52" spans="2:2">
      <c r="B52" s="86" t="s">
        <v>149</v>
      </c>
    </row>
    <row r="53" spans="2:2">
      <c r="B53" s="86" t="s">
        <v>150</v>
      </c>
    </row>
    <row r="54" spans="2:2">
      <c r="B54" s="86" t="s">
        <v>190</v>
      </c>
    </row>
    <row r="55" spans="2:2">
      <c r="B55" s="86" t="s">
        <v>191</v>
      </c>
    </row>
    <row r="56" spans="2:2">
      <c r="B56" s="86" t="s">
        <v>192</v>
      </c>
    </row>
    <row r="57" spans="2:2">
      <c r="B57" s="86" t="s">
        <v>193</v>
      </c>
    </row>
    <row r="58" spans="2:2">
      <c r="B58" s="86" t="s">
        <v>194</v>
      </c>
    </row>
    <row r="59" spans="2:2">
      <c r="B59" s="86" t="s">
        <v>195</v>
      </c>
    </row>
    <row r="60" spans="2:2">
      <c r="B60" s="86" t="s">
        <v>151</v>
      </c>
    </row>
    <row r="61" spans="2:2">
      <c r="B61" s="86" t="s">
        <v>152</v>
      </c>
    </row>
    <row r="62" spans="2:2">
      <c r="B62" s="86"/>
    </row>
    <row r="63" spans="2:2">
      <c r="B63" s="86"/>
    </row>
    <row r="64" spans="2:2">
      <c r="B64" s="86"/>
    </row>
    <row r="65" spans="2:2">
      <c r="B65" s="86"/>
    </row>
    <row r="66" spans="2:2">
      <c r="B66" s="86"/>
    </row>
    <row r="67" spans="2:2">
      <c r="B67" s="86"/>
    </row>
    <row r="68" spans="2:2">
      <c r="B68" s="86"/>
    </row>
    <row r="69" spans="2:2">
      <c r="B69" s="86"/>
    </row>
    <row r="70" spans="2:2">
      <c r="B70" s="86"/>
    </row>
    <row r="71" spans="2:2">
      <c r="B71" s="86"/>
    </row>
    <row r="72" spans="2:2">
      <c r="B72" s="86"/>
    </row>
    <row r="73" spans="2:2">
      <c r="B73" s="86"/>
    </row>
    <row r="74" spans="2:2">
      <c r="B74" s="86"/>
    </row>
    <row r="75" spans="2:2">
      <c r="B75" s="86"/>
    </row>
    <row r="76" spans="2:2">
      <c r="B76" s="86"/>
    </row>
    <row r="77" spans="2:2">
      <c r="B77" s="86"/>
    </row>
    <row r="78" spans="2:2">
      <c r="B78" s="86"/>
    </row>
    <row r="79" spans="2:2">
      <c r="B79" s="86"/>
    </row>
    <row r="80" spans="2:2">
      <c r="B80" s="86"/>
    </row>
    <row r="81" spans="2:2">
      <c r="B81" s="86"/>
    </row>
    <row r="82" spans="2:2">
      <c r="B82" s="86"/>
    </row>
    <row r="83" spans="2:2">
      <c r="B83" s="86"/>
    </row>
    <row r="84" spans="2:2">
      <c r="B84" s="86"/>
    </row>
    <row r="85" spans="2:2">
      <c r="B85" s="86"/>
    </row>
    <row r="86" spans="2:2">
      <c r="B86" s="86"/>
    </row>
    <row r="87" spans="2:2">
      <c r="B87" s="86"/>
    </row>
    <row r="88" spans="2:2">
      <c r="B88" s="86"/>
    </row>
    <row r="89" spans="2:2">
      <c r="B89" s="86"/>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6"/>
  <printOptions horizontalCentered="1"/>
  <pageMargins left="0.23622047244094491" right="0.23622047244094491" top="0.74803149606299213" bottom="0.74803149606299213" header="0.31496062992125984" footer="0.31496062992125984"/>
  <pageSetup paperSize="9" scale="87" orientation="landscape" cellComments="asDisplayed" r:id="rId1"/>
  <headerFooter alignWithMargins="0"/>
  <rowBreaks count="1" manualBreakCount="1">
    <brk id="39" max="35"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94"/>
  <sheetViews>
    <sheetView view="pageBreakPreview" topLeftCell="B1" zoomScaleNormal="100" zoomScaleSheetLayoutView="100" workbookViewId="0">
      <selection activeCell="E5" sqref="E5"/>
    </sheetView>
  </sheetViews>
  <sheetFormatPr defaultRowHeight="13.5"/>
  <cols>
    <col min="1" max="1" width="1.625" style="216" customWidth="1"/>
    <col min="2" max="2" width="9.625" style="216" customWidth="1"/>
    <col min="3" max="3" width="8.625" style="216" customWidth="1"/>
    <col min="4" max="4" width="5.625" style="216" customWidth="1"/>
    <col min="5" max="6" width="15.625" style="216" customWidth="1"/>
    <col min="7" max="7" width="5.625" style="216" customWidth="1"/>
    <col min="8" max="8" width="16.625" style="216" customWidth="1"/>
    <col min="9" max="9" width="5.625" style="216" customWidth="1"/>
    <col min="10" max="10" width="15.625" style="216" customWidth="1"/>
    <col min="11" max="11" width="5.625" style="216" customWidth="1"/>
    <col min="12" max="12" width="3.125" style="216" customWidth="1"/>
    <col min="13" max="18" width="4.625" style="216" customWidth="1"/>
    <col min="19" max="19" width="1.625" style="216" customWidth="1"/>
    <col min="20" max="21" width="9" style="216"/>
    <col min="22" max="22" width="18.5" style="216" bestFit="1" customWidth="1"/>
    <col min="23" max="23" width="29.875" style="216" bestFit="1" customWidth="1"/>
    <col min="24" max="24" width="30.375" style="216" bestFit="1" customWidth="1"/>
    <col min="25" max="16384" width="9" style="216"/>
  </cols>
  <sheetData>
    <row r="1" spans="2:24">
      <c r="B1" s="281" t="s">
        <v>323</v>
      </c>
      <c r="K1" s="217" t="s">
        <v>250</v>
      </c>
      <c r="L1" s="332"/>
      <c r="M1" s="332"/>
      <c r="N1" s="218" t="s">
        <v>251</v>
      </c>
      <c r="O1" s="219"/>
      <c r="P1" s="218" t="s">
        <v>252</v>
      </c>
      <c r="Q1" s="219"/>
      <c r="R1" s="218" t="s">
        <v>253</v>
      </c>
    </row>
    <row r="2" spans="2:24" ht="18.75">
      <c r="B2" s="333" t="s">
        <v>254</v>
      </c>
      <c r="C2" s="333"/>
      <c r="D2" s="333"/>
      <c r="E2" s="333"/>
      <c r="F2" s="333"/>
      <c r="G2" s="333"/>
      <c r="H2" s="333"/>
      <c r="I2" s="333"/>
      <c r="J2" s="333"/>
      <c r="K2" s="333"/>
      <c r="L2" s="333"/>
      <c r="M2" s="333"/>
      <c r="N2" s="333"/>
      <c r="O2" s="333"/>
      <c r="P2" s="333"/>
      <c r="Q2" s="333"/>
      <c r="R2" s="333"/>
    </row>
    <row r="3" spans="2:24" ht="7.5" customHeight="1">
      <c r="B3" s="220"/>
      <c r="C3" s="220"/>
      <c r="D3" s="220"/>
      <c r="E3" s="220"/>
      <c r="F3" s="220"/>
      <c r="G3" s="220"/>
      <c r="H3" s="220"/>
      <c r="I3" s="220"/>
      <c r="J3" s="220"/>
      <c r="K3" s="220"/>
      <c r="L3" s="220"/>
      <c r="M3" s="220"/>
      <c r="N3" s="220"/>
      <c r="O3" s="220"/>
      <c r="P3" s="220"/>
      <c r="Q3" s="220"/>
      <c r="R3" s="220"/>
    </row>
    <row r="4" spans="2:24" ht="24.95" customHeight="1">
      <c r="I4" s="217" t="s">
        <v>255</v>
      </c>
      <c r="J4" s="334"/>
      <c r="K4" s="334"/>
      <c r="L4" s="334"/>
      <c r="M4" s="334"/>
      <c r="N4" s="334"/>
      <c r="O4" s="334"/>
      <c r="P4" s="334"/>
      <c r="Q4" s="334"/>
      <c r="R4" s="334"/>
    </row>
    <row r="5" spans="2:24" ht="24.95" customHeight="1">
      <c r="I5" s="217" t="s">
        <v>256</v>
      </c>
      <c r="J5" s="335"/>
      <c r="K5" s="335"/>
      <c r="L5" s="335"/>
      <c r="M5" s="335"/>
      <c r="N5" s="335"/>
      <c r="O5" s="335"/>
      <c r="P5" s="335"/>
      <c r="Q5" s="335"/>
      <c r="R5" s="335"/>
    </row>
    <row r="6" spans="2:24" ht="24.95" customHeight="1">
      <c r="I6" s="217" t="s">
        <v>257</v>
      </c>
      <c r="J6" s="335"/>
      <c r="K6" s="335"/>
      <c r="L6" s="335"/>
      <c r="M6" s="335"/>
      <c r="N6" s="335"/>
      <c r="O6" s="335"/>
      <c r="P6" s="335"/>
      <c r="Q6" s="335"/>
      <c r="R6" s="335"/>
    </row>
    <row r="7" spans="2:24" ht="9" customHeight="1">
      <c r="I7" s="217"/>
      <c r="J7" s="221"/>
      <c r="K7" s="221"/>
      <c r="L7" s="221"/>
      <c r="M7" s="221"/>
      <c r="N7" s="221"/>
      <c r="O7" s="221"/>
      <c r="P7" s="221"/>
      <c r="Q7" s="221"/>
      <c r="R7" s="221"/>
    </row>
    <row r="8" spans="2:24">
      <c r="B8" s="336" t="s">
        <v>258</v>
      </c>
      <c r="C8" s="336"/>
      <c r="D8" s="336"/>
      <c r="E8" s="222"/>
      <c r="F8" s="337" t="s">
        <v>244</v>
      </c>
      <c r="G8" s="337"/>
      <c r="H8" s="337"/>
      <c r="I8" s="337"/>
    </row>
    <row r="9" spans="2:24" hidden="1">
      <c r="E9" s="222"/>
      <c r="F9" s="347" t="str">
        <f>IF(F8='参考様式23-参考資料'!W19,'参考様式23-参考資料'!X18,'参考様式23-参考資料'!X17)</f>
        <v>介護職員</v>
      </c>
      <c r="G9" s="347"/>
      <c r="H9" s="347"/>
      <c r="I9" s="347"/>
    </row>
    <row r="10" spans="2:24" ht="9" customHeight="1"/>
    <row r="11" spans="2:24">
      <c r="B11" s="223" t="s">
        <v>259</v>
      </c>
      <c r="F11" s="348" t="s">
        <v>260</v>
      </c>
      <c r="G11" s="348"/>
      <c r="H11" s="348"/>
      <c r="I11" s="348"/>
      <c r="J11" s="217" t="s">
        <v>261</v>
      </c>
      <c r="K11" s="224"/>
    </row>
    <row r="12" spans="2:24" ht="9" customHeight="1"/>
    <row r="13" spans="2:24">
      <c r="B13" s="223" t="s">
        <v>262</v>
      </c>
    </row>
    <row r="14" spans="2:24">
      <c r="B14" s="250" t="s">
        <v>236</v>
      </c>
      <c r="C14" s="349" t="s">
        <v>263</v>
      </c>
      <c r="D14" s="349"/>
      <c r="E14" s="349"/>
      <c r="F14" s="349"/>
      <c r="G14" s="349"/>
      <c r="H14" s="349"/>
      <c r="I14" s="349"/>
      <c r="J14" s="349"/>
      <c r="K14" s="349"/>
      <c r="M14" s="350" t="s">
        <v>264</v>
      </c>
      <c r="N14" s="351"/>
      <c r="O14" s="351"/>
      <c r="P14" s="351"/>
      <c r="Q14" s="351"/>
      <c r="R14" s="352"/>
    </row>
    <row r="15" spans="2:24" ht="80.099999999999994" customHeight="1">
      <c r="B15" s="225"/>
      <c r="C15" s="353" t="s">
        <v>265</v>
      </c>
      <c r="D15" s="353"/>
      <c r="E15" s="225"/>
      <c r="F15" s="354" t="s">
        <v>266</v>
      </c>
      <c r="G15" s="354"/>
      <c r="H15" s="354" t="s">
        <v>267</v>
      </c>
      <c r="I15" s="354"/>
      <c r="J15" s="353" t="s">
        <v>268</v>
      </c>
      <c r="K15" s="353"/>
      <c r="M15" s="355" t="str">
        <f>F8</f>
        <v>介護福祉士</v>
      </c>
      <c r="N15" s="356"/>
      <c r="O15" s="357"/>
      <c r="P15" s="355" t="str">
        <f>F9</f>
        <v>介護職員</v>
      </c>
      <c r="Q15" s="356"/>
      <c r="R15" s="357"/>
    </row>
    <row r="16" spans="2:24" ht="26.1" customHeight="1">
      <c r="B16" s="253" t="s">
        <v>320</v>
      </c>
      <c r="C16" s="338"/>
      <c r="D16" s="339" t="s">
        <v>269</v>
      </c>
      <c r="E16" s="227" t="str">
        <f>$F$8</f>
        <v>介護福祉士</v>
      </c>
      <c r="F16" s="228"/>
      <c r="G16" s="229" t="s">
        <v>270</v>
      </c>
      <c r="H16" s="228"/>
      <c r="I16" s="229" t="s">
        <v>269</v>
      </c>
      <c r="J16" s="228"/>
      <c r="K16" s="229" t="s">
        <v>269</v>
      </c>
      <c r="M16" s="341" t="str">
        <f>IF(C16="","",F16+ROUNDDOWN((H16+J16)/C16,1))</f>
        <v/>
      </c>
      <c r="N16" s="342"/>
      <c r="O16" s="343"/>
      <c r="P16" s="341" t="str">
        <f>IF(C16="","",F17+ROUNDDOWN((H17+J17)/C16,1))</f>
        <v/>
      </c>
      <c r="Q16" s="342"/>
      <c r="R16" s="343"/>
      <c r="V16" s="214"/>
      <c r="W16" s="215" t="s">
        <v>241</v>
      </c>
      <c r="X16" s="215" t="s">
        <v>242</v>
      </c>
    </row>
    <row r="17" spans="2:24" ht="26.1" customHeight="1">
      <c r="B17" s="230" t="s">
        <v>271</v>
      </c>
      <c r="C17" s="338"/>
      <c r="D17" s="340"/>
      <c r="E17" s="231" t="str">
        <f>$F$9</f>
        <v>介護職員</v>
      </c>
      <c r="F17" s="232"/>
      <c r="G17" s="233" t="s">
        <v>270</v>
      </c>
      <c r="H17" s="232"/>
      <c r="I17" s="233" t="s">
        <v>269</v>
      </c>
      <c r="J17" s="232"/>
      <c r="K17" s="233" t="s">
        <v>269</v>
      </c>
      <c r="M17" s="344"/>
      <c r="N17" s="345"/>
      <c r="O17" s="346"/>
      <c r="P17" s="344"/>
      <c r="Q17" s="345"/>
      <c r="R17" s="346"/>
      <c r="V17" s="374" t="s">
        <v>243</v>
      </c>
      <c r="W17" s="214" t="s">
        <v>244</v>
      </c>
      <c r="X17" s="214" t="s">
        <v>245</v>
      </c>
    </row>
    <row r="18" spans="2:24" ht="26.1" customHeight="1">
      <c r="B18" s="226"/>
      <c r="C18" s="338"/>
      <c r="D18" s="339" t="s">
        <v>269</v>
      </c>
      <c r="E18" s="234" t="str">
        <f>$F$8</f>
        <v>介護福祉士</v>
      </c>
      <c r="F18" s="235"/>
      <c r="G18" s="236" t="s">
        <v>270</v>
      </c>
      <c r="H18" s="228"/>
      <c r="I18" s="236" t="s">
        <v>269</v>
      </c>
      <c r="J18" s="228"/>
      <c r="K18" s="236" t="s">
        <v>269</v>
      </c>
      <c r="M18" s="341" t="str">
        <f>IF(C18="","",F18+ROUNDDOWN((H18+J18)/C18,1))</f>
        <v/>
      </c>
      <c r="N18" s="342"/>
      <c r="O18" s="343"/>
      <c r="P18" s="341" t="str">
        <f>IF(C18="","",F19+ROUNDDOWN((H19+J19)/C18,1))</f>
        <v/>
      </c>
      <c r="Q18" s="342"/>
      <c r="R18" s="343"/>
      <c r="V18" s="375"/>
      <c r="W18" s="214" t="s">
        <v>246</v>
      </c>
      <c r="X18" s="214" t="s">
        <v>247</v>
      </c>
    </row>
    <row r="19" spans="2:24" ht="26.1" customHeight="1">
      <c r="B19" s="230" t="s">
        <v>272</v>
      </c>
      <c r="C19" s="338"/>
      <c r="D19" s="340"/>
      <c r="E19" s="231" t="str">
        <f>$F$9</f>
        <v>介護職員</v>
      </c>
      <c r="F19" s="232"/>
      <c r="G19" s="233" t="s">
        <v>270</v>
      </c>
      <c r="H19" s="232"/>
      <c r="I19" s="233" t="s">
        <v>269</v>
      </c>
      <c r="J19" s="232"/>
      <c r="K19" s="233" t="s">
        <v>269</v>
      </c>
      <c r="M19" s="344"/>
      <c r="N19" s="345"/>
      <c r="O19" s="346"/>
      <c r="P19" s="344"/>
      <c r="Q19" s="345"/>
      <c r="R19" s="346"/>
      <c r="V19" s="375"/>
      <c r="W19" s="214" t="s">
        <v>248</v>
      </c>
      <c r="X19" s="214" t="s">
        <v>249</v>
      </c>
    </row>
    <row r="20" spans="2:24" ht="26.1" customHeight="1">
      <c r="B20" s="226"/>
      <c r="C20" s="338"/>
      <c r="D20" s="339" t="s">
        <v>269</v>
      </c>
      <c r="E20" s="234" t="str">
        <f>$F$8</f>
        <v>介護福祉士</v>
      </c>
      <c r="F20" s="235"/>
      <c r="G20" s="236" t="s">
        <v>270</v>
      </c>
      <c r="H20" s="228"/>
      <c r="I20" s="236" t="s">
        <v>269</v>
      </c>
      <c r="J20" s="228"/>
      <c r="K20" s="236" t="s">
        <v>269</v>
      </c>
      <c r="M20" s="341" t="str">
        <f>IF(C20="","",F20+ROUNDDOWN((H20+J20)/C20,1))</f>
        <v/>
      </c>
      <c r="N20" s="342"/>
      <c r="O20" s="343"/>
      <c r="P20" s="341" t="str">
        <f>IF(C20="","",F21+ROUNDDOWN((H21+J21)/C20,1))</f>
        <v/>
      </c>
      <c r="Q20" s="342"/>
      <c r="R20" s="343"/>
      <c r="V20" s="375"/>
      <c r="W20" s="214" t="s">
        <v>249</v>
      </c>
      <c r="X20" s="214" t="s">
        <v>249</v>
      </c>
    </row>
    <row r="21" spans="2:24" ht="26.1" customHeight="1">
      <c r="B21" s="230" t="s">
        <v>273</v>
      </c>
      <c r="C21" s="338"/>
      <c r="D21" s="340"/>
      <c r="E21" s="231" t="str">
        <f>$F$9</f>
        <v>介護職員</v>
      </c>
      <c r="F21" s="232"/>
      <c r="G21" s="233" t="s">
        <v>270</v>
      </c>
      <c r="H21" s="232"/>
      <c r="I21" s="233" t="s">
        <v>269</v>
      </c>
      <c r="J21" s="232"/>
      <c r="K21" s="233" t="s">
        <v>269</v>
      </c>
      <c r="M21" s="344"/>
      <c r="N21" s="345"/>
      <c r="O21" s="346"/>
      <c r="P21" s="344"/>
      <c r="Q21" s="345"/>
      <c r="R21" s="346"/>
      <c r="V21" s="375"/>
      <c r="W21" s="214" t="s">
        <v>249</v>
      </c>
      <c r="X21" s="214" t="s">
        <v>249</v>
      </c>
    </row>
    <row r="22" spans="2:24" ht="26.1" customHeight="1">
      <c r="B22" s="226"/>
      <c r="C22" s="338"/>
      <c r="D22" s="339" t="s">
        <v>269</v>
      </c>
      <c r="E22" s="234" t="str">
        <f>$F$8</f>
        <v>介護福祉士</v>
      </c>
      <c r="F22" s="235"/>
      <c r="G22" s="236" t="s">
        <v>270</v>
      </c>
      <c r="H22" s="228"/>
      <c r="I22" s="236" t="s">
        <v>269</v>
      </c>
      <c r="J22" s="228"/>
      <c r="K22" s="236" t="s">
        <v>269</v>
      </c>
      <c r="M22" s="341" t="str">
        <f>IF(C22="","",F22+ROUNDDOWN((H22+J22)/C22,1))</f>
        <v/>
      </c>
      <c r="N22" s="342"/>
      <c r="O22" s="343"/>
      <c r="P22" s="341" t="str">
        <f>IF(C22="","",F23+ROUNDDOWN((H23+J23)/C22,1))</f>
        <v/>
      </c>
      <c r="Q22" s="342"/>
      <c r="R22" s="343"/>
      <c r="V22" s="376"/>
      <c r="W22" s="214" t="s">
        <v>249</v>
      </c>
      <c r="X22" s="214" t="s">
        <v>249</v>
      </c>
    </row>
    <row r="23" spans="2:24" ht="26.1" customHeight="1">
      <c r="B23" s="230" t="s">
        <v>274</v>
      </c>
      <c r="C23" s="338"/>
      <c r="D23" s="340"/>
      <c r="E23" s="231" t="str">
        <f>$F$9</f>
        <v>介護職員</v>
      </c>
      <c r="F23" s="232"/>
      <c r="G23" s="233" t="s">
        <v>270</v>
      </c>
      <c r="H23" s="232"/>
      <c r="I23" s="233" t="s">
        <v>269</v>
      </c>
      <c r="J23" s="232"/>
      <c r="K23" s="233" t="s">
        <v>269</v>
      </c>
      <c r="M23" s="344"/>
      <c r="N23" s="345"/>
      <c r="O23" s="346"/>
      <c r="P23" s="344"/>
      <c r="Q23" s="345"/>
      <c r="R23" s="346"/>
    </row>
    <row r="24" spans="2:24" ht="26.1" customHeight="1">
      <c r="B24" s="226"/>
      <c r="C24" s="338"/>
      <c r="D24" s="339" t="s">
        <v>269</v>
      </c>
      <c r="E24" s="234" t="str">
        <f>$F$8</f>
        <v>介護福祉士</v>
      </c>
      <c r="F24" s="235"/>
      <c r="G24" s="236" t="s">
        <v>270</v>
      </c>
      <c r="H24" s="228"/>
      <c r="I24" s="236" t="s">
        <v>269</v>
      </c>
      <c r="J24" s="228"/>
      <c r="K24" s="236" t="s">
        <v>269</v>
      </c>
      <c r="M24" s="341" t="str">
        <f>IF(C24="","",F24+ROUNDDOWN((H24+J24)/C24,1))</f>
        <v/>
      </c>
      <c r="N24" s="342"/>
      <c r="O24" s="343"/>
      <c r="P24" s="341" t="str">
        <f>IF(C24="","",F25+ROUNDDOWN((H25+J25)/C24,1))</f>
        <v/>
      </c>
      <c r="Q24" s="342"/>
      <c r="R24" s="343"/>
    </row>
    <row r="25" spans="2:24" ht="26.1" customHeight="1">
      <c r="B25" s="230" t="s">
        <v>275</v>
      </c>
      <c r="C25" s="338"/>
      <c r="D25" s="340"/>
      <c r="E25" s="231" t="str">
        <f>$F$9</f>
        <v>介護職員</v>
      </c>
      <c r="F25" s="232"/>
      <c r="G25" s="233" t="s">
        <v>270</v>
      </c>
      <c r="H25" s="232"/>
      <c r="I25" s="233" t="s">
        <v>269</v>
      </c>
      <c r="J25" s="232"/>
      <c r="K25" s="233" t="s">
        <v>269</v>
      </c>
      <c r="M25" s="344"/>
      <c r="N25" s="345"/>
      <c r="O25" s="346"/>
      <c r="P25" s="344"/>
      <c r="Q25" s="345"/>
      <c r="R25" s="346"/>
    </row>
    <row r="26" spans="2:24" ht="26.1" customHeight="1">
      <c r="B26" s="226"/>
      <c r="C26" s="338"/>
      <c r="D26" s="339" t="s">
        <v>269</v>
      </c>
      <c r="E26" s="234" t="str">
        <f>$F$8</f>
        <v>介護福祉士</v>
      </c>
      <c r="F26" s="235"/>
      <c r="G26" s="236" t="s">
        <v>270</v>
      </c>
      <c r="H26" s="228"/>
      <c r="I26" s="236" t="s">
        <v>269</v>
      </c>
      <c r="J26" s="228"/>
      <c r="K26" s="236" t="s">
        <v>269</v>
      </c>
      <c r="M26" s="341" t="str">
        <f>IF(C26="","",F26+ROUNDDOWN((H26+J26)/C26,1))</f>
        <v/>
      </c>
      <c r="N26" s="342"/>
      <c r="O26" s="343"/>
      <c r="P26" s="341" t="str">
        <f>IF(C26="","",F27+ROUNDDOWN((H27+J27)/C26,1))</f>
        <v/>
      </c>
      <c r="Q26" s="342"/>
      <c r="R26" s="343"/>
    </row>
    <row r="27" spans="2:24" ht="26.1" customHeight="1">
      <c r="B27" s="230" t="s">
        <v>276</v>
      </c>
      <c r="C27" s="338"/>
      <c r="D27" s="340"/>
      <c r="E27" s="231" t="str">
        <f>$F$9</f>
        <v>介護職員</v>
      </c>
      <c r="F27" s="232"/>
      <c r="G27" s="233" t="s">
        <v>270</v>
      </c>
      <c r="H27" s="232"/>
      <c r="I27" s="233" t="s">
        <v>269</v>
      </c>
      <c r="J27" s="232"/>
      <c r="K27" s="233" t="s">
        <v>269</v>
      </c>
      <c r="M27" s="344"/>
      <c r="N27" s="345"/>
      <c r="O27" s="346"/>
      <c r="P27" s="344"/>
      <c r="Q27" s="345"/>
      <c r="R27" s="346"/>
    </row>
    <row r="28" spans="2:24" ht="26.1" customHeight="1">
      <c r="B28" s="226"/>
      <c r="C28" s="338"/>
      <c r="D28" s="339" t="s">
        <v>269</v>
      </c>
      <c r="E28" s="234" t="str">
        <f>$F$8</f>
        <v>介護福祉士</v>
      </c>
      <c r="F28" s="235"/>
      <c r="G28" s="236" t="s">
        <v>270</v>
      </c>
      <c r="H28" s="228"/>
      <c r="I28" s="236" t="s">
        <v>269</v>
      </c>
      <c r="J28" s="228"/>
      <c r="K28" s="236" t="s">
        <v>269</v>
      </c>
      <c r="M28" s="341" t="str">
        <f>IF(C28="","",F28+ROUNDDOWN((H28+J28)/C28,1))</f>
        <v/>
      </c>
      <c r="N28" s="342"/>
      <c r="O28" s="343"/>
      <c r="P28" s="341" t="str">
        <f>IF(C28="","",F29+ROUNDDOWN((H29+J29)/C28,1))</f>
        <v/>
      </c>
      <c r="Q28" s="342"/>
      <c r="R28" s="343"/>
    </row>
    <row r="29" spans="2:24" ht="26.1" customHeight="1">
      <c r="B29" s="230" t="s">
        <v>277</v>
      </c>
      <c r="C29" s="338"/>
      <c r="D29" s="340"/>
      <c r="E29" s="231" t="str">
        <f>$F$9</f>
        <v>介護職員</v>
      </c>
      <c r="F29" s="232"/>
      <c r="G29" s="233" t="s">
        <v>270</v>
      </c>
      <c r="H29" s="232"/>
      <c r="I29" s="233" t="s">
        <v>269</v>
      </c>
      <c r="J29" s="232"/>
      <c r="K29" s="233" t="s">
        <v>269</v>
      </c>
      <c r="M29" s="344"/>
      <c r="N29" s="345"/>
      <c r="O29" s="346"/>
      <c r="P29" s="344"/>
      <c r="Q29" s="345"/>
      <c r="R29" s="346"/>
    </row>
    <row r="30" spans="2:24" ht="26.1" customHeight="1">
      <c r="B30" s="226"/>
      <c r="C30" s="338"/>
      <c r="D30" s="339" t="s">
        <v>269</v>
      </c>
      <c r="E30" s="234" t="str">
        <f>$F$8</f>
        <v>介護福祉士</v>
      </c>
      <c r="F30" s="235"/>
      <c r="G30" s="236" t="s">
        <v>270</v>
      </c>
      <c r="H30" s="228"/>
      <c r="I30" s="236" t="s">
        <v>269</v>
      </c>
      <c r="J30" s="228"/>
      <c r="K30" s="236" t="s">
        <v>269</v>
      </c>
      <c r="M30" s="341" t="str">
        <f>IF(C30="","",F30+ROUNDDOWN((H30+J30)/C30,1))</f>
        <v/>
      </c>
      <c r="N30" s="342"/>
      <c r="O30" s="343"/>
      <c r="P30" s="341" t="str">
        <f>IF(C30="","",F31+ROUNDDOWN((H31+J31)/C30,1))</f>
        <v/>
      </c>
      <c r="Q30" s="342"/>
      <c r="R30" s="343"/>
    </row>
    <row r="31" spans="2:24" ht="26.1" customHeight="1">
      <c r="B31" s="230" t="s">
        <v>278</v>
      </c>
      <c r="C31" s="338"/>
      <c r="D31" s="340"/>
      <c r="E31" s="231" t="str">
        <f>$F$9</f>
        <v>介護職員</v>
      </c>
      <c r="F31" s="232"/>
      <c r="G31" s="233" t="s">
        <v>270</v>
      </c>
      <c r="H31" s="232"/>
      <c r="I31" s="233" t="s">
        <v>269</v>
      </c>
      <c r="J31" s="232"/>
      <c r="K31" s="233" t="s">
        <v>269</v>
      </c>
      <c r="M31" s="344"/>
      <c r="N31" s="345"/>
      <c r="O31" s="346"/>
      <c r="P31" s="344"/>
      <c r="Q31" s="345"/>
      <c r="R31" s="346"/>
    </row>
    <row r="32" spans="2:24" ht="26.1" customHeight="1">
      <c r="B32" s="226"/>
      <c r="C32" s="338"/>
      <c r="D32" s="339" t="s">
        <v>269</v>
      </c>
      <c r="E32" s="234" t="str">
        <f>$F$8</f>
        <v>介護福祉士</v>
      </c>
      <c r="F32" s="235"/>
      <c r="G32" s="236" t="s">
        <v>270</v>
      </c>
      <c r="H32" s="228"/>
      <c r="I32" s="236" t="s">
        <v>269</v>
      </c>
      <c r="J32" s="228"/>
      <c r="K32" s="236" t="s">
        <v>269</v>
      </c>
      <c r="M32" s="341" t="str">
        <f>IF(C32="","",F32+ROUNDDOWN((H32+J32)/C32,1))</f>
        <v/>
      </c>
      <c r="N32" s="342"/>
      <c r="O32" s="343"/>
      <c r="P32" s="341" t="str">
        <f>IF(C32="","",F33+ROUNDDOWN((H33+J33)/C32,1))</f>
        <v/>
      </c>
      <c r="Q32" s="342"/>
      <c r="R32" s="343"/>
    </row>
    <row r="33" spans="2:18" ht="26.1" customHeight="1">
      <c r="B33" s="230" t="s">
        <v>279</v>
      </c>
      <c r="C33" s="338"/>
      <c r="D33" s="340"/>
      <c r="E33" s="231" t="str">
        <f>$F$9</f>
        <v>介護職員</v>
      </c>
      <c r="F33" s="232"/>
      <c r="G33" s="233" t="s">
        <v>270</v>
      </c>
      <c r="H33" s="232"/>
      <c r="I33" s="233" t="s">
        <v>269</v>
      </c>
      <c r="J33" s="232"/>
      <c r="K33" s="233" t="s">
        <v>269</v>
      </c>
      <c r="M33" s="344"/>
      <c r="N33" s="345"/>
      <c r="O33" s="346"/>
      <c r="P33" s="344"/>
      <c r="Q33" s="345"/>
      <c r="R33" s="346"/>
    </row>
    <row r="34" spans="2:18" ht="26.1" customHeight="1">
      <c r="B34" s="253" t="s">
        <v>321</v>
      </c>
      <c r="C34" s="338"/>
      <c r="D34" s="339" t="s">
        <v>269</v>
      </c>
      <c r="E34" s="234" t="str">
        <f>$F$8</f>
        <v>介護福祉士</v>
      </c>
      <c r="F34" s="235"/>
      <c r="G34" s="236" t="s">
        <v>270</v>
      </c>
      <c r="H34" s="228"/>
      <c r="I34" s="236" t="s">
        <v>269</v>
      </c>
      <c r="J34" s="228"/>
      <c r="K34" s="236" t="s">
        <v>269</v>
      </c>
      <c r="M34" s="341" t="str">
        <f>IF(C34="","",F34+ROUNDDOWN((H34+J34)/C34,1))</f>
        <v/>
      </c>
      <c r="N34" s="342"/>
      <c r="O34" s="343"/>
      <c r="P34" s="341" t="str">
        <f>IF(C34="","",F35+ROUNDDOWN((H35+J35)/C34,1))</f>
        <v/>
      </c>
      <c r="Q34" s="342"/>
      <c r="R34" s="343"/>
    </row>
    <row r="35" spans="2:18" ht="26.1" customHeight="1">
      <c r="B35" s="230" t="s">
        <v>280</v>
      </c>
      <c r="C35" s="338"/>
      <c r="D35" s="340"/>
      <c r="E35" s="231" t="str">
        <f>$F$9</f>
        <v>介護職員</v>
      </c>
      <c r="F35" s="232"/>
      <c r="G35" s="233" t="s">
        <v>270</v>
      </c>
      <c r="H35" s="232"/>
      <c r="I35" s="233" t="s">
        <v>269</v>
      </c>
      <c r="J35" s="232"/>
      <c r="K35" s="233" t="s">
        <v>269</v>
      </c>
      <c r="M35" s="344"/>
      <c r="N35" s="345"/>
      <c r="O35" s="346"/>
      <c r="P35" s="344"/>
      <c r="Q35" s="345"/>
      <c r="R35" s="346"/>
    </row>
    <row r="36" spans="2:18" ht="26.1" customHeight="1">
      <c r="B36" s="226"/>
      <c r="C36" s="338"/>
      <c r="D36" s="339" t="s">
        <v>269</v>
      </c>
      <c r="E36" s="234" t="str">
        <f>$F$8</f>
        <v>介護福祉士</v>
      </c>
      <c r="F36" s="235"/>
      <c r="G36" s="236" t="s">
        <v>270</v>
      </c>
      <c r="H36" s="228"/>
      <c r="I36" s="236" t="s">
        <v>269</v>
      </c>
      <c r="J36" s="228"/>
      <c r="K36" s="236" t="s">
        <v>269</v>
      </c>
      <c r="M36" s="341" t="str">
        <f>IF(C36="","",F36+ROUNDDOWN((H36+J36)/C36,1))</f>
        <v/>
      </c>
      <c r="N36" s="342"/>
      <c r="O36" s="343"/>
      <c r="P36" s="341" t="str">
        <f>IF(C36="","",F37+ROUNDDOWN((H37+J37)/C36,1))</f>
        <v/>
      </c>
      <c r="Q36" s="342"/>
      <c r="R36" s="343"/>
    </row>
    <row r="37" spans="2:18" ht="26.1" customHeight="1">
      <c r="B37" s="230" t="s">
        <v>281</v>
      </c>
      <c r="C37" s="338"/>
      <c r="D37" s="340"/>
      <c r="E37" s="231" t="str">
        <f>$F$9</f>
        <v>介護職員</v>
      </c>
      <c r="F37" s="232"/>
      <c r="G37" s="233" t="s">
        <v>270</v>
      </c>
      <c r="H37" s="232"/>
      <c r="I37" s="233" t="s">
        <v>269</v>
      </c>
      <c r="J37" s="232"/>
      <c r="K37" s="233" t="s">
        <v>269</v>
      </c>
      <c r="M37" s="344"/>
      <c r="N37" s="345"/>
      <c r="O37" s="346"/>
      <c r="P37" s="344"/>
      <c r="Q37" s="345"/>
      <c r="R37" s="346"/>
    </row>
    <row r="38" spans="2:18" ht="6.75" customHeight="1">
      <c r="B38" s="237"/>
      <c r="C38" s="238"/>
      <c r="D38" s="237"/>
      <c r="E38" s="239"/>
      <c r="F38" s="240"/>
      <c r="G38" s="241"/>
      <c r="H38" s="240"/>
      <c r="I38" s="241"/>
      <c r="J38" s="240"/>
      <c r="K38" s="241"/>
      <c r="M38" s="242"/>
      <c r="N38" s="242"/>
      <c r="O38" s="242"/>
      <c r="P38" s="242"/>
      <c r="Q38" s="242"/>
      <c r="R38" s="242"/>
    </row>
    <row r="39" spans="2:18" ht="20.100000000000001" customHeight="1">
      <c r="H39" s="237"/>
      <c r="J39" s="347" t="s">
        <v>282</v>
      </c>
      <c r="K39" s="347"/>
      <c r="L39" s="347"/>
      <c r="M39" s="358" t="str">
        <f>IF(SUM(M16:O37)=0,"",SUM(M16:O37))</f>
        <v/>
      </c>
      <c r="N39" s="359"/>
      <c r="O39" s="360"/>
      <c r="P39" s="358" t="str">
        <f>IF(SUM(P16:R37)=0,"",SUM(P16:R37))</f>
        <v/>
      </c>
      <c r="Q39" s="359"/>
      <c r="R39" s="360"/>
    </row>
    <row r="40" spans="2:18" ht="20.100000000000001" customHeight="1">
      <c r="H40" s="237"/>
      <c r="J40" s="347" t="s">
        <v>283</v>
      </c>
      <c r="K40" s="347"/>
      <c r="L40" s="347"/>
      <c r="M40" s="358" t="str">
        <f>IF(M39="","",ROUNDDOWN(M39/$K$11,1))</f>
        <v/>
      </c>
      <c r="N40" s="359"/>
      <c r="O40" s="360"/>
      <c r="P40" s="358" t="str">
        <f>IF(P39="","",ROUNDDOWN(P39/$K$11,1))</f>
        <v/>
      </c>
      <c r="Q40" s="359"/>
      <c r="R40" s="360"/>
    </row>
    <row r="41" spans="2:18" ht="18.75" customHeight="1">
      <c r="J41" s="361" t="str">
        <f>$M$15</f>
        <v>介護福祉士</v>
      </c>
      <c r="K41" s="362"/>
      <c r="L41" s="362"/>
      <c r="M41" s="362"/>
      <c r="N41" s="362"/>
      <c r="O41" s="363"/>
      <c r="P41" s="364" t="str">
        <f>IF(M40="","",M40/P40)</f>
        <v/>
      </c>
      <c r="Q41" s="365"/>
      <c r="R41" s="366"/>
    </row>
    <row r="42" spans="2:18" ht="18.75" customHeight="1">
      <c r="J42" s="370" t="s">
        <v>284</v>
      </c>
      <c r="K42" s="371"/>
      <c r="L42" s="371"/>
      <c r="M42" s="371"/>
      <c r="N42" s="371"/>
      <c r="O42" s="372"/>
      <c r="P42" s="367"/>
      <c r="Q42" s="368"/>
      <c r="R42" s="369"/>
    </row>
    <row r="43" spans="2:18" ht="18.75" customHeight="1">
      <c r="J43" s="237"/>
      <c r="K43" s="237"/>
      <c r="L43" s="237"/>
      <c r="M43" s="237"/>
      <c r="N43" s="237"/>
      <c r="O43" s="237"/>
      <c r="P43" s="237"/>
      <c r="Q43" s="237"/>
      <c r="R43" s="243"/>
    </row>
    <row r="44" spans="2:18" ht="18.75" customHeight="1">
      <c r="B44" s="250" t="s">
        <v>236</v>
      </c>
      <c r="C44" s="349" t="s">
        <v>285</v>
      </c>
      <c r="D44" s="349"/>
      <c r="E44" s="349"/>
      <c r="F44" s="349"/>
      <c r="G44" s="349"/>
      <c r="H44" s="349"/>
      <c r="I44" s="349"/>
      <c r="J44" s="349"/>
      <c r="K44" s="349"/>
      <c r="M44" s="350" t="s">
        <v>264</v>
      </c>
      <c r="N44" s="351"/>
      <c r="O44" s="351"/>
      <c r="P44" s="351"/>
      <c r="Q44" s="351"/>
      <c r="R44" s="352"/>
    </row>
    <row r="45" spans="2:18" ht="79.5" customHeight="1">
      <c r="B45" s="225"/>
      <c r="C45" s="353" t="s">
        <v>265</v>
      </c>
      <c r="D45" s="353"/>
      <c r="E45" s="225"/>
      <c r="F45" s="354" t="s">
        <v>266</v>
      </c>
      <c r="G45" s="354"/>
      <c r="H45" s="354" t="s">
        <v>267</v>
      </c>
      <c r="I45" s="354"/>
      <c r="J45" s="353" t="s">
        <v>268</v>
      </c>
      <c r="K45" s="353"/>
      <c r="M45" s="355" t="str">
        <f>F8</f>
        <v>介護福祉士</v>
      </c>
      <c r="N45" s="356"/>
      <c r="O45" s="357"/>
      <c r="P45" s="355" t="str">
        <f>F9</f>
        <v>介護職員</v>
      </c>
      <c r="Q45" s="356"/>
      <c r="R45" s="357"/>
    </row>
    <row r="46" spans="2:18" ht="25.5" customHeight="1">
      <c r="B46" s="253" t="s">
        <v>321</v>
      </c>
      <c r="C46" s="338"/>
      <c r="D46" s="339" t="s">
        <v>269</v>
      </c>
      <c r="E46" s="244" t="str">
        <f>$F$8</f>
        <v>介護福祉士</v>
      </c>
      <c r="F46" s="228"/>
      <c r="G46" s="229" t="s">
        <v>270</v>
      </c>
      <c r="H46" s="228"/>
      <c r="I46" s="229" t="s">
        <v>269</v>
      </c>
      <c r="J46" s="228"/>
      <c r="K46" s="229" t="s">
        <v>269</v>
      </c>
      <c r="M46" s="341" t="str">
        <f>IF(C46="","",F46+ROUNDDOWN((H46+J46)/C46,1))</f>
        <v/>
      </c>
      <c r="N46" s="342"/>
      <c r="O46" s="343"/>
      <c r="P46" s="341" t="str">
        <f>IF(C46="","",F47+ROUNDDOWN((H47+J47)/C46,1))</f>
        <v/>
      </c>
      <c r="Q46" s="342"/>
      <c r="R46" s="343"/>
    </row>
    <row r="47" spans="2:18" ht="25.5" customHeight="1">
      <c r="B47" s="252" t="s">
        <v>271</v>
      </c>
      <c r="C47" s="338"/>
      <c r="D47" s="340"/>
      <c r="E47" s="245" t="str">
        <f>$F$9</f>
        <v>介護職員</v>
      </c>
      <c r="F47" s="232"/>
      <c r="G47" s="233" t="s">
        <v>270</v>
      </c>
      <c r="H47" s="232"/>
      <c r="I47" s="233" t="s">
        <v>269</v>
      </c>
      <c r="J47" s="232"/>
      <c r="K47" s="233" t="s">
        <v>269</v>
      </c>
      <c r="M47" s="344"/>
      <c r="N47" s="345"/>
      <c r="O47" s="346"/>
      <c r="P47" s="344"/>
      <c r="Q47" s="345"/>
      <c r="R47" s="346"/>
    </row>
    <row r="48" spans="2:18" ht="25.5" customHeight="1">
      <c r="B48" s="251"/>
      <c r="C48" s="338"/>
      <c r="D48" s="339" t="s">
        <v>269</v>
      </c>
      <c r="E48" s="246" t="str">
        <f>$F$8</f>
        <v>介護福祉士</v>
      </c>
      <c r="F48" s="235"/>
      <c r="G48" s="236" t="s">
        <v>270</v>
      </c>
      <c r="H48" s="228"/>
      <c r="I48" s="236" t="s">
        <v>269</v>
      </c>
      <c r="J48" s="228"/>
      <c r="K48" s="236" t="s">
        <v>269</v>
      </c>
      <c r="M48" s="341" t="str">
        <f>IF(C48="","",F48+ROUNDDOWN((H48+J48)/C48,1))</f>
        <v/>
      </c>
      <c r="N48" s="342"/>
      <c r="O48" s="343"/>
      <c r="P48" s="341" t="str">
        <f>IF(C48="","",F49+ROUNDDOWN((H49+J49)/C48,1))</f>
        <v/>
      </c>
      <c r="Q48" s="342"/>
      <c r="R48" s="343"/>
    </row>
    <row r="49" spans="2:18" ht="25.5" customHeight="1">
      <c r="B49" s="252" t="s">
        <v>272</v>
      </c>
      <c r="C49" s="338"/>
      <c r="D49" s="340"/>
      <c r="E49" s="245" t="str">
        <f>$F$9</f>
        <v>介護職員</v>
      </c>
      <c r="F49" s="232"/>
      <c r="G49" s="233" t="s">
        <v>270</v>
      </c>
      <c r="H49" s="232"/>
      <c r="I49" s="233" t="s">
        <v>269</v>
      </c>
      <c r="J49" s="232"/>
      <c r="K49" s="233" t="s">
        <v>269</v>
      </c>
      <c r="M49" s="344"/>
      <c r="N49" s="345"/>
      <c r="O49" s="346"/>
      <c r="P49" s="344"/>
      <c r="Q49" s="345"/>
      <c r="R49" s="346"/>
    </row>
    <row r="50" spans="2:18" ht="25.5" customHeight="1">
      <c r="B50" s="251"/>
      <c r="C50" s="338"/>
      <c r="D50" s="339" t="s">
        <v>269</v>
      </c>
      <c r="E50" s="246" t="str">
        <f>$F$8</f>
        <v>介護福祉士</v>
      </c>
      <c r="F50" s="235"/>
      <c r="G50" s="236" t="s">
        <v>270</v>
      </c>
      <c r="H50" s="228"/>
      <c r="I50" s="236" t="s">
        <v>269</v>
      </c>
      <c r="J50" s="228"/>
      <c r="K50" s="236" t="s">
        <v>269</v>
      </c>
      <c r="M50" s="341" t="str">
        <f>IF(C50="","",F50+ROUNDDOWN((H50+J50)/C50,1))</f>
        <v/>
      </c>
      <c r="N50" s="342"/>
      <c r="O50" s="343"/>
      <c r="P50" s="341" t="str">
        <f>IF(C50="","",F51+ROUNDDOWN((H51+J51)/C50,1))</f>
        <v/>
      </c>
      <c r="Q50" s="342"/>
      <c r="R50" s="343"/>
    </row>
    <row r="51" spans="2:18" ht="25.5" customHeight="1">
      <c r="B51" s="252" t="s">
        <v>273</v>
      </c>
      <c r="C51" s="338"/>
      <c r="D51" s="340"/>
      <c r="E51" s="245" t="str">
        <f>$F$9</f>
        <v>介護職員</v>
      </c>
      <c r="F51" s="232"/>
      <c r="G51" s="233" t="s">
        <v>270</v>
      </c>
      <c r="H51" s="232"/>
      <c r="I51" s="233" t="s">
        <v>269</v>
      </c>
      <c r="J51" s="232"/>
      <c r="K51" s="233" t="s">
        <v>269</v>
      </c>
      <c r="M51" s="344"/>
      <c r="N51" s="345"/>
      <c r="O51" s="346"/>
      <c r="P51" s="344"/>
      <c r="Q51" s="345"/>
      <c r="R51" s="346"/>
    </row>
    <row r="52" spans="2:18" ht="6.75" customHeight="1">
      <c r="J52" s="237"/>
      <c r="K52" s="237"/>
      <c r="L52" s="237"/>
      <c r="M52" s="237"/>
      <c r="N52" s="237"/>
      <c r="O52" s="237"/>
      <c r="P52" s="237"/>
      <c r="Q52" s="237"/>
      <c r="R52" s="243"/>
    </row>
    <row r="53" spans="2:18" ht="20.100000000000001" customHeight="1">
      <c r="J53" s="347" t="s">
        <v>282</v>
      </c>
      <c r="K53" s="347"/>
      <c r="L53" s="347"/>
      <c r="M53" s="358" t="str">
        <f>IF(SUM(M46:O51)=0,"",SUM(M46:O51))</f>
        <v/>
      </c>
      <c r="N53" s="359"/>
      <c r="O53" s="360"/>
      <c r="P53" s="358" t="str">
        <f>IF(SUM(P46:R51)=0,"",SUM(P46:R51))</f>
        <v/>
      </c>
      <c r="Q53" s="359"/>
      <c r="R53" s="360"/>
    </row>
    <row r="54" spans="2:18" ht="20.100000000000001" customHeight="1">
      <c r="J54" s="347" t="s">
        <v>283</v>
      </c>
      <c r="K54" s="347"/>
      <c r="L54" s="347"/>
      <c r="M54" s="358" t="str">
        <f>IF(M53="","",ROUNDDOWN(M53/3,1))</f>
        <v/>
      </c>
      <c r="N54" s="359"/>
      <c r="O54" s="360"/>
      <c r="P54" s="358" t="str">
        <f>IF(P53="","",ROUNDDOWN(P53/3,1))</f>
        <v/>
      </c>
      <c r="Q54" s="359"/>
      <c r="R54" s="360"/>
    </row>
    <row r="55" spans="2:18" ht="18.75" customHeight="1">
      <c r="J55" s="361" t="str">
        <f>$M$15</f>
        <v>介護福祉士</v>
      </c>
      <c r="K55" s="362"/>
      <c r="L55" s="362"/>
      <c r="M55" s="362"/>
      <c r="N55" s="362"/>
      <c r="O55" s="363"/>
      <c r="P55" s="364" t="str">
        <f>IF(M54="","",M54/P54)</f>
        <v/>
      </c>
      <c r="Q55" s="365"/>
      <c r="R55" s="366"/>
    </row>
    <row r="56" spans="2:18" ht="18.75" customHeight="1">
      <c r="J56" s="370" t="s">
        <v>284</v>
      </c>
      <c r="K56" s="371"/>
      <c r="L56" s="371"/>
      <c r="M56" s="371"/>
      <c r="N56" s="371"/>
      <c r="O56" s="372"/>
      <c r="P56" s="367"/>
      <c r="Q56" s="368"/>
      <c r="R56" s="369"/>
    </row>
    <row r="57" spans="2:18" ht="18.75" customHeight="1">
      <c r="J57" s="237"/>
      <c r="K57" s="237"/>
      <c r="L57" s="237"/>
      <c r="M57" s="237"/>
      <c r="N57" s="237"/>
      <c r="O57" s="237"/>
      <c r="P57" s="237"/>
      <c r="Q57" s="237"/>
      <c r="R57" s="243"/>
    </row>
    <row r="59" spans="2:18">
      <c r="B59" s="216" t="s">
        <v>286</v>
      </c>
    </row>
    <row r="60" spans="2:18">
      <c r="B60" s="373" t="s">
        <v>287</v>
      </c>
      <c r="C60" s="373"/>
      <c r="D60" s="373"/>
      <c r="E60" s="373"/>
      <c r="F60" s="373"/>
      <c r="G60" s="373"/>
      <c r="H60" s="373"/>
      <c r="I60" s="373"/>
      <c r="J60" s="373"/>
      <c r="K60" s="373"/>
      <c r="L60" s="373"/>
      <c r="M60" s="373"/>
      <c r="N60" s="373"/>
      <c r="O60" s="373"/>
      <c r="P60" s="373"/>
      <c r="Q60" s="373"/>
      <c r="R60" s="373"/>
    </row>
    <row r="61" spans="2:18">
      <c r="B61" s="373" t="s">
        <v>288</v>
      </c>
      <c r="C61" s="373"/>
      <c r="D61" s="373"/>
      <c r="E61" s="373"/>
      <c r="F61" s="373"/>
      <c r="G61" s="373"/>
      <c r="H61" s="373"/>
      <c r="I61" s="373"/>
      <c r="J61" s="373"/>
      <c r="K61" s="373"/>
      <c r="L61" s="373"/>
      <c r="M61" s="373"/>
      <c r="N61" s="373"/>
      <c r="O61" s="373"/>
      <c r="P61" s="373"/>
      <c r="Q61" s="373"/>
      <c r="R61" s="373"/>
    </row>
    <row r="62" spans="2:18">
      <c r="B62" s="373" t="s">
        <v>289</v>
      </c>
      <c r="C62" s="373"/>
      <c r="D62" s="373"/>
      <c r="E62" s="373"/>
      <c r="F62" s="373"/>
      <c r="G62" s="373"/>
      <c r="H62" s="373"/>
      <c r="I62" s="373"/>
      <c r="J62" s="373"/>
      <c r="K62" s="373"/>
      <c r="L62" s="373"/>
      <c r="M62" s="373"/>
      <c r="N62" s="373"/>
      <c r="O62" s="373"/>
      <c r="P62" s="373"/>
      <c r="Q62" s="373"/>
      <c r="R62" s="373"/>
    </row>
    <row r="63" spans="2:18">
      <c r="B63" s="247" t="s">
        <v>290</v>
      </c>
      <c r="C63" s="247"/>
      <c r="D63" s="247"/>
      <c r="E63" s="247"/>
      <c r="F63" s="247"/>
      <c r="G63" s="247"/>
      <c r="H63" s="247"/>
      <c r="I63" s="247"/>
      <c r="J63" s="247"/>
      <c r="K63" s="247"/>
      <c r="L63" s="247"/>
      <c r="M63" s="247"/>
      <c r="N63" s="247"/>
      <c r="O63" s="247"/>
      <c r="P63" s="247"/>
      <c r="Q63" s="247"/>
      <c r="R63" s="247"/>
    </row>
    <row r="64" spans="2:18">
      <c r="B64" s="373" t="s">
        <v>291</v>
      </c>
      <c r="C64" s="373"/>
      <c r="D64" s="373"/>
      <c r="E64" s="373"/>
      <c r="F64" s="373"/>
      <c r="G64" s="373"/>
      <c r="H64" s="373"/>
      <c r="I64" s="373"/>
      <c r="J64" s="373"/>
      <c r="K64" s="373"/>
      <c r="L64" s="373"/>
      <c r="M64" s="373"/>
      <c r="N64" s="373"/>
      <c r="O64" s="373"/>
      <c r="P64" s="373"/>
      <c r="Q64" s="373"/>
      <c r="R64" s="373"/>
    </row>
    <row r="65" spans="2:18">
      <c r="B65" s="373" t="s">
        <v>292</v>
      </c>
      <c r="C65" s="373"/>
      <c r="D65" s="373"/>
      <c r="E65" s="373"/>
      <c r="F65" s="373"/>
      <c r="G65" s="373"/>
      <c r="H65" s="373"/>
      <c r="I65" s="373"/>
      <c r="J65" s="373"/>
      <c r="K65" s="373"/>
      <c r="L65" s="373"/>
      <c r="M65" s="373"/>
      <c r="N65" s="373"/>
      <c r="O65" s="373"/>
      <c r="P65" s="373"/>
      <c r="Q65" s="373"/>
      <c r="R65" s="373"/>
    </row>
    <row r="66" spans="2:18">
      <c r="B66" s="373" t="s">
        <v>293</v>
      </c>
      <c r="C66" s="373"/>
      <c r="D66" s="373"/>
      <c r="E66" s="373"/>
      <c r="F66" s="373"/>
      <c r="G66" s="373"/>
      <c r="H66" s="373"/>
      <c r="I66" s="373"/>
      <c r="J66" s="373"/>
      <c r="K66" s="373"/>
      <c r="L66" s="373"/>
      <c r="M66" s="373"/>
      <c r="N66" s="373"/>
      <c r="O66" s="373"/>
      <c r="P66" s="373"/>
      <c r="Q66" s="373"/>
      <c r="R66" s="373"/>
    </row>
    <row r="67" spans="2:18">
      <c r="B67" s="373" t="s">
        <v>294</v>
      </c>
      <c r="C67" s="373"/>
      <c r="D67" s="373"/>
      <c r="E67" s="373"/>
      <c r="F67" s="373"/>
      <c r="G67" s="373"/>
      <c r="H67" s="373"/>
      <c r="I67" s="373"/>
      <c r="J67" s="373"/>
      <c r="K67" s="373"/>
      <c r="L67" s="373"/>
      <c r="M67" s="373"/>
      <c r="N67" s="373"/>
      <c r="O67" s="373"/>
      <c r="P67" s="373"/>
      <c r="Q67" s="373"/>
      <c r="R67" s="373"/>
    </row>
    <row r="68" spans="2:18">
      <c r="B68" s="373" t="s">
        <v>295</v>
      </c>
      <c r="C68" s="373"/>
      <c r="D68" s="373"/>
      <c r="E68" s="373"/>
      <c r="F68" s="373"/>
      <c r="G68" s="373"/>
      <c r="H68" s="373"/>
      <c r="I68" s="373"/>
      <c r="J68" s="373"/>
      <c r="K68" s="373"/>
      <c r="L68" s="373"/>
      <c r="M68" s="373"/>
      <c r="N68" s="373"/>
      <c r="O68" s="373"/>
      <c r="P68" s="373"/>
      <c r="Q68" s="373"/>
      <c r="R68" s="373"/>
    </row>
    <row r="69" spans="2:18">
      <c r="B69" s="373" t="s">
        <v>296</v>
      </c>
      <c r="C69" s="373"/>
      <c r="D69" s="373"/>
      <c r="E69" s="373"/>
      <c r="F69" s="373"/>
      <c r="G69" s="373"/>
      <c r="H69" s="373"/>
      <c r="I69" s="373"/>
      <c r="J69" s="373"/>
      <c r="K69" s="373"/>
      <c r="L69" s="373"/>
      <c r="M69" s="373"/>
      <c r="N69" s="373"/>
      <c r="O69" s="373"/>
      <c r="P69" s="373"/>
      <c r="Q69" s="373"/>
      <c r="R69" s="373"/>
    </row>
    <row r="70" spans="2:18">
      <c r="B70" s="373" t="s">
        <v>297</v>
      </c>
      <c r="C70" s="373"/>
      <c r="D70" s="373"/>
      <c r="E70" s="373"/>
      <c r="F70" s="373"/>
      <c r="G70" s="373"/>
      <c r="H70" s="373"/>
      <c r="I70" s="373"/>
      <c r="J70" s="373"/>
      <c r="K70" s="373"/>
      <c r="L70" s="373"/>
      <c r="M70" s="373"/>
      <c r="N70" s="373"/>
      <c r="O70" s="373"/>
      <c r="P70" s="373"/>
      <c r="Q70" s="373"/>
      <c r="R70" s="373"/>
    </row>
    <row r="71" spans="2:18">
      <c r="B71" s="373" t="s">
        <v>298</v>
      </c>
      <c r="C71" s="373"/>
      <c r="D71" s="373"/>
      <c r="E71" s="373"/>
      <c r="F71" s="373"/>
      <c r="G71" s="373"/>
      <c r="H71" s="373"/>
      <c r="I71" s="373"/>
      <c r="J71" s="373"/>
      <c r="K71" s="373"/>
      <c r="L71" s="373"/>
      <c r="M71" s="373"/>
      <c r="N71" s="373"/>
      <c r="O71" s="373"/>
      <c r="P71" s="373"/>
      <c r="Q71" s="373"/>
      <c r="R71" s="373"/>
    </row>
    <row r="72" spans="2:18">
      <c r="B72" s="373" t="s">
        <v>299</v>
      </c>
      <c r="C72" s="373"/>
      <c r="D72" s="373"/>
      <c r="E72" s="373"/>
      <c r="F72" s="373"/>
      <c r="G72" s="373"/>
      <c r="H72" s="373"/>
      <c r="I72" s="373"/>
      <c r="J72" s="373"/>
      <c r="K72" s="373"/>
      <c r="L72" s="373"/>
      <c r="M72" s="373"/>
      <c r="N72" s="373"/>
      <c r="O72" s="373"/>
      <c r="P72" s="373"/>
      <c r="Q72" s="373"/>
      <c r="R72" s="373"/>
    </row>
    <row r="73" spans="2:18">
      <c r="B73" s="373" t="s">
        <v>300</v>
      </c>
      <c r="C73" s="373"/>
      <c r="D73" s="373"/>
      <c r="E73" s="373"/>
      <c r="F73" s="373"/>
      <c r="G73" s="373"/>
      <c r="H73" s="373"/>
      <c r="I73" s="373"/>
      <c r="J73" s="373"/>
      <c r="K73" s="373"/>
      <c r="L73" s="373"/>
      <c r="M73" s="373"/>
      <c r="N73" s="373"/>
      <c r="O73" s="373"/>
      <c r="P73" s="373"/>
      <c r="Q73" s="373"/>
      <c r="R73" s="373"/>
    </row>
    <row r="74" spans="2:18">
      <c r="B74" s="373" t="s">
        <v>301</v>
      </c>
      <c r="C74" s="373"/>
      <c r="D74" s="373"/>
      <c r="E74" s="373"/>
      <c r="F74" s="373"/>
      <c r="G74" s="373"/>
      <c r="H74" s="373"/>
      <c r="I74" s="373"/>
      <c r="J74" s="373"/>
      <c r="K74" s="373"/>
      <c r="L74" s="373"/>
      <c r="M74" s="373"/>
      <c r="N74" s="373"/>
      <c r="O74" s="373"/>
      <c r="P74" s="373"/>
      <c r="Q74" s="373"/>
      <c r="R74" s="373"/>
    </row>
    <row r="75" spans="2:18">
      <c r="B75" s="373" t="s">
        <v>302</v>
      </c>
      <c r="C75" s="373"/>
      <c r="D75" s="373"/>
      <c r="E75" s="373"/>
      <c r="F75" s="373"/>
      <c r="G75" s="373"/>
      <c r="H75" s="373"/>
      <c r="I75" s="373"/>
      <c r="J75" s="373"/>
      <c r="K75" s="373"/>
      <c r="L75" s="373"/>
      <c r="M75" s="373"/>
      <c r="N75" s="373"/>
      <c r="O75" s="373"/>
      <c r="P75" s="373"/>
      <c r="Q75" s="373"/>
      <c r="R75" s="373"/>
    </row>
    <row r="76" spans="2:18">
      <c r="B76" s="373" t="s">
        <v>303</v>
      </c>
      <c r="C76" s="373"/>
      <c r="D76" s="373"/>
      <c r="E76" s="373"/>
      <c r="F76" s="373"/>
      <c r="G76" s="373"/>
      <c r="H76" s="373"/>
      <c r="I76" s="373"/>
      <c r="J76" s="373"/>
      <c r="K76" s="373"/>
      <c r="L76" s="373"/>
      <c r="M76" s="373"/>
      <c r="N76" s="373"/>
      <c r="O76" s="373"/>
      <c r="P76" s="373"/>
      <c r="Q76" s="373"/>
      <c r="R76" s="373"/>
    </row>
    <row r="77" spans="2:18">
      <c r="B77" s="373" t="s">
        <v>304</v>
      </c>
      <c r="C77" s="373"/>
      <c r="D77" s="373"/>
      <c r="E77" s="373"/>
      <c r="F77" s="373"/>
      <c r="G77" s="373"/>
      <c r="H77" s="373"/>
      <c r="I77" s="373"/>
      <c r="J77" s="373"/>
      <c r="K77" s="373"/>
      <c r="L77" s="373"/>
      <c r="M77" s="373"/>
      <c r="N77" s="373"/>
      <c r="O77" s="373"/>
      <c r="P77" s="373"/>
      <c r="Q77" s="373"/>
      <c r="R77" s="373"/>
    </row>
    <row r="78" spans="2:18">
      <c r="B78" s="373" t="s">
        <v>305</v>
      </c>
      <c r="C78" s="373"/>
      <c r="D78" s="373"/>
      <c r="E78" s="373"/>
      <c r="F78" s="373"/>
      <c r="G78" s="373"/>
      <c r="H78" s="373"/>
      <c r="I78" s="373"/>
      <c r="J78" s="373"/>
      <c r="K78" s="373"/>
      <c r="L78" s="373"/>
      <c r="M78" s="373"/>
      <c r="N78" s="373"/>
      <c r="O78" s="373"/>
      <c r="P78" s="373"/>
      <c r="Q78" s="373"/>
      <c r="R78" s="373"/>
    </row>
    <row r="79" spans="2:18">
      <c r="B79" s="373" t="s">
        <v>306</v>
      </c>
      <c r="C79" s="373"/>
      <c r="D79" s="373"/>
      <c r="E79" s="373"/>
      <c r="F79" s="373"/>
      <c r="G79" s="373"/>
      <c r="H79" s="373"/>
      <c r="I79" s="373"/>
      <c r="J79" s="373"/>
      <c r="K79" s="373"/>
      <c r="L79" s="373"/>
      <c r="M79" s="373"/>
      <c r="N79" s="373"/>
      <c r="O79" s="373"/>
      <c r="P79" s="373"/>
      <c r="Q79" s="373"/>
      <c r="R79" s="373"/>
    </row>
    <row r="80" spans="2:18">
      <c r="B80" s="373" t="s">
        <v>307</v>
      </c>
      <c r="C80" s="373"/>
      <c r="D80" s="373"/>
      <c r="E80" s="373"/>
      <c r="F80" s="373"/>
      <c r="G80" s="373"/>
      <c r="H80" s="373"/>
      <c r="I80" s="373"/>
      <c r="J80" s="373"/>
      <c r="K80" s="373"/>
      <c r="L80" s="373"/>
      <c r="M80" s="373"/>
      <c r="N80" s="373"/>
      <c r="O80" s="373"/>
      <c r="P80" s="373"/>
      <c r="Q80" s="373"/>
      <c r="R80" s="373"/>
    </row>
    <row r="81" spans="2:18">
      <c r="B81" s="373" t="s">
        <v>308</v>
      </c>
      <c r="C81" s="373"/>
      <c r="D81" s="373"/>
      <c r="E81" s="373"/>
      <c r="F81" s="373"/>
      <c r="G81" s="373"/>
      <c r="H81" s="373"/>
      <c r="I81" s="373"/>
      <c r="J81" s="373"/>
      <c r="K81" s="373"/>
      <c r="L81" s="373"/>
      <c r="M81" s="373"/>
      <c r="N81" s="373"/>
      <c r="O81" s="373"/>
      <c r="P81" s="373"/>
      <c r="Q81" s="373"/>
      <c r="R81" s="373"/>
    </row>
    <row r="82" spans="2:18">
      <c r="B82" s="373" t="s">
        <v>309</v>
      </c>
      <c r="C82" s="373"/>
      <c r="D82" s="373"/>
      <c r="E82" s="373"/>
      <c r="F82" s="373"/>
      <c r="G82" s="373"/>
      <c r="H82" s="373"/>
      <c r="I82" s="373"/>
      <c r="J82" s="373"/>
      <c r="K82" s="373"/>
      <c r="L82" s="373"/>
      <c r="M82" s="373"/>
      <c r="N82" s="373"/>
      <c r="O82" s="373"/>
      <c r="P82" s="373"/>
      <c r="Q82" s="373"/>
      <c r="R82" s="373"/>
    </row>
    <row r="83" spans="2:18">
      <c r="B83" s="377" t="s">
        <v>310</v>
      </c>
      <c r="C83" s="373"/>
      <c r="D83" s="373"/>
      <c r="E83" s="373"/>
      <c r="F83" s="373"/>
      <c r="G83" s="373"/>
      <c r="H83" s="373"/>
      <c r="I83" s="373"/>
      <c r="J83" s="373"/>
      <c r="K83" s="373"/>
      <c r="L83" s="373"/>
      <c r="M83" s="373"/>
      <c r="N83" s="373"/>
      <c r="O83" s="373"/>
      <c r="P83" s="373"/>
      <c r="Q83" s="373"/>
      <c r="R83" s="373"/>
    </row>
    <row r="84" spans="2:18">
      <c r="B84" s="373" t="s">
        <v>311</v>
      </c>
      <c r="C84" s="373"/>
      <c r="D84" s="373"/>
      <c r="E84" s="373"/>
      <c r="F84" s="373"/>
      <c r="G84" s="373"/>
      <c r="H84" s="373"/>
      <c r="I84" s="373"/>
      <c r="J84" s="373"/>
      <c r="K84" s="373"/>
      <c r="L84" s="373"/>
      <c r="M84" s="373"/>
      <c r="N84" s="373"/>
      <c r="O84" s="373"/>
      <c r="P84" s="373"/>
      <c r="Q84" s="373"/>
      <c r="R84" s="373"/>
    </row>
    <row r="85" spans="2:18">
      <c r="B85" s="373" t="s">
        <v>312</v>
      </c>
      <c r="C85" s="373"/>
      <c r="D85" s="373"/>
      <c r="E85" s="373"/>
      <c r="F85" s="373"/>
      <c r="G85" s="373"/>
      <c r="H85" s="373"/>
      <c r="I85" s="373"/>
      <c r="J85" s="373"/>
      <c r="K85" s="373"/>
      <c r="L85" s="373"/>
      <c r="M85" s="373"/>
      <c r="N85" s="373"/>
      <c r="O85" s="373"/>
      <c r="P85" s="373"/>
      <c r="Q85" s="373"/>
      <c r="R85" s="373"/>
    </row>
    <row r="86" spans="2:18">
      <c r="B86" s="373"/>
      <c r="C86" s="373"/>
      <c r="D86" s="373"/>
      <c r="E86" s="373"/>
      <c r="F86" s="373"/>
      <c r="G86" s="373"/>
      <c r="H86" s="373"/>
      <c r="I86" s="373"/>
      <c r="J86" s="373"/>
      <c r="K86" s="373"/>
      <c r="L86" s="373"/>
      <c r="M86" s="373"/>
      <c r="N86" s="373"/>
      <c r="O86" s="373"/>
      <c r="P86" s="373"/>
      <c r="Q86" s="373"/>
      <c r="R86" s="373"/>
    </row>
    <row r="87" spans="2:18">
      <c r="B87" s="373"/>
      <c r="C87" s="373"/>
      <c r="D87" s="373"/>
      <c r="E87" s="373"/>
      <c r="F87" s="373"/>
      <c r="G87" s="373"/>
      <c r="H87" s="373"/>
      <c r="I87" s="373"/>
      <c r="J87" s="373"/>
      <c r="K87" s="373"/>
      <c r="L87" s="373"/>
      <c r="M87" s="373"/>
      <c r="N87" s="373"/>
      <c r="O87" s="373"/>
      <c r="P87" s="373"/>
      <c r="Q87" s="373"/>
      <c r="R87" s="373"/>
    </row>
    <row r="88" spans="2:18">
      <c r="B88" s="373"/>
      <c r="C88" s="373"/>
      <c r="D88" s="373"/>
      <c r="E88" s="373"/>
      <c r="F88" s="373"/>
      <c r="G88" s="373"/>
      <c r="H88" s="373"/>
      <c r="I88" s="373"/>
      <c r="J88" s="373"/>
      <c r="K88" s="373"/>
      <c r="L88" s="373"/>
      <c r="M88" s="373"/>
      <c r="N88" s="373"/>
      <c r="O88" s="373"/>
      <c r="P88" s="373"/>
      <c r="Q88" s="373"/>
      <c r="R88" s="373"/>
    </row>
    <row r="89" spans="2:18">
      <c r="B89" s="373"/>
      <c r="C89" s="373"/>
      <c r="D89" s="373"/>
      <c r="E89" s="373"/>
      <c r="F89" s="373"/>
      <c r="G89" s="373"/>
      <c r="H89" s="373"/>
      <c r="I89" s="373"/>
      <c r="J89" s="373"/>
      <c r="K89" s="373"/>
      <c r="L89" s="373"/>
      <c r="M89" s="373"/>
      <c r="N89" s="373"/>
      <c r="O89" s="373"/>
      <c r="P89" s="373"/>
      <c r="Q89" s="373"/>
      <c r="R89" s="373"/>
    </row>
    <row r="90" spans="2:18">
      <c r="B90" s="373"/>
      <c r="C90" s="373"/>
      <c r="D90" s="373"/>
      <c r="E90" s="373"/>
      <c r="F90" s="373"/>
      <c r="G90" s="373"/>
      <c r="H90" s="373"/>
      <c r="I90" s="373"/>
      <c r="J90" s="373"/>
      <c r="K90" s="373"/>
      <c r="L90" s="373"/>
      <c r="M90" s="373"/>
      <c r="N90" s="373"/>
      <c r="O90" s="373"/>
      <c r="P90" s="373"/>
      <c r="Q90" s="373"/>
      <c r="R90" s="373"/>
    </row>
    <row r="91" spans="2:18">
      <c r="B91" s="373"/>
      <c r="C91" s="373"/>
      <c r="D91" s="373"/>
      <c r="E91" s="373"/>
      <c r="F91" s="373"/>
      <c r="G91" s="373"/>
      <c r="H91" s="373"/>
      <c r="I91" s="373"/>
      <c r="J91" s="373"/>
      <c r="K91" s="373"/>
      <c r="L91" s="373"/>
      <c r="M91" s="373"/>
      <c r="N91" s="373"/>
      <c r="O91" s="373"/>
      <c r="P91" s="373"/>
      <c r="Q91" s="373"/>
      <c r="R91" s="373"/>
    </row>
    <row r="92" spans="2:18">
      <c r="B92" s="373"/>
      <c r="C92" s="373"/>
      <c r="D92" s="373"/>
      <c r="E92" s="373"/>
      <c r="F92" s="373"/>
      <c r="G92" s="373"/>
      <c r="H92" s="373"/>
      <c r="I92" s="373"/>
      <c r="J92" s="373"/>
      <c r="K92" s="373"/>
      <c r="L92" s="373"/>
      <c r="M92" s="373"/>
      <c r="N92" s="373"/>
      <c r="O92" s="373"/>
      <c r="P92" s="373"/>
      <c r="Q92" s="373"/>
      <c r="R92" s="373"/>
    </row>
    <row r="93" spans="2:18">
      <c r="B93" s="373"/>
      <c r="C93" s="373"/>
      <c r="D93" s="373"/>
      <c r="E93" s="373"/>
      <c r="F93" s="373"/>
      <c r="G93" s="373"/>
      <c r="H93" s="373"/>
      <c r="I93" s="373"/>
      <c r="J93" s="373"/>
      <c r="K93" s="373"/>
      <c r="L93" s="373"/>
      <c r="M93" s="373"/>
      <c r="N93" s="373"/>
      <c r="O93" s="373"/>
      <c r="P93" s="373"/>
      <c r="Q93" s="373"/>
      <c r="R93" s="373"/>
    </row>
    <row r="94" spans="2:18">
      <c r="B94" s="373"/>
      <c r="C94" s="373"/>
      <c r="D94" s="373"/>
      <c r="E94" s="373"/>
      <c r="F94" s="373"/>
      <c r="G94" s="373"/>
      <c r="H94" s="373"/>
      <c r="I94" s="373"/>
      <c r="J94" s="373"/>
      <c r="K94" s="373"/>
      <c r="L94" s="373"/>
      <c r="M94" s="373"/>
      <c r="N94" s="373"/>
      <c r="O94" s="373"/>
      <c r="P94" s="373"/>
      <c r="Q94" s="373"/>
      <c r="R94" s="373"/>
    </row>
  </sheetData>
  <mergeCells count="134">
    <mergeCell ref="B91:R91"/>
    <mergeCell ref="B92:R92"/>
    <mergeCell ref="B93:R93"/>
    <mergeCell ref="B94:R94"/>
    <mergeCell ref="V17:V22"/>
    <mergeCell ref="B85:R85"/>
    <mergeCell ref="B86:R86"/>
    <mergeCell ref="B87:R87"/>
    <mergeCell ref="B88:R88"/>
    <mergeCell ref="B89:R89"/>
    <mergeCell ref="B90:R90"/>
    <mergeCell ref="B79:R79"/>
    <mergeCell ref="B80:R80"/>
    <mergeCell ref="B81:R81"/>
    <mergeCell ref="B82:R82"/>
    <mergeCell ref="B83:R83"/>
    <mergeCell ref="B84:R84"/>
    <mergeCell ref="B73:R73"/>
    <mergeCell ref="B74:R74"/>
    <mergeCell ref="B75:R75"/>
    <mergeCell ref="B76:R76"/>
    <mergeCell ref="B77:R77"/>
    <mergeCell ref="B78:R78"/>
    <mergeCell ref="B67:R67"/>
    <mergeCell ref="B68:R68"/>
    <mergeCell ref="B69:R69"/>
    <mergeCell ref="B70:R70"/>
    <mergeCell ref="B71:R71"/>
    <mergeCell ref="B72:R72"/>
    <mergeCell ref="B60:R60"/>
    <mergeCell ref="B61:R61"/>
    <mergeCell ref="B62:R62"/>
    <mergeCell ref="B64:R64"/>
    <mergeCell ref="B65:R65"/>
    <mergeCell ref="B66:R66"/>
    <mergeCell ref="J54:L54"/>
    <mergeCell ref="M54:O54"/>
    <mergeCell ref="P54:R54"/>
    <mergeCell ref="J55:O55"/>
    <mergeCell ref="P55:R56"/>
    <mergeCell ref="J56:O56"/>
    <mergeCell ref="C50:C51"/>
    <mergeCell ref="D50:D51"/>
    <mergeCell ref="M50:O51"/>
    <mergeCell ref="P50:R51"/>
    <mergeCell ref="J53:L53"/>
    <mergeCell ref="M53:O53"/>
    <mergeCell ref="P53:R53"/>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40:L40"/>
    <mergeCell ref="M40:O40"/>
    <mergeCell ref="P40:R40"/>
    <mergeCell ref="J41:O41"/>
    <mergeCell ref="P41:R42"/>
    <mergeCell ref="J42:O42"/>
    <mergeCell ref="C36:C37"/>
    <mergeCell ref="D36:D37"/>
    <mergeCell ref="M36:O37"/>
    <mergeCell ref="P36:R37"/>
    <mergeCell ref="J39:L39"/>
    <mergeCell ref="M39:O39"/>
    <mergeCell ref="P39:R39"/>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C24:C25"/>
    <mergeCell ref="D24:D25"/>
    <mergeCell ref="M24:O25"/>
    <mergeCell ref="P24:R25"/>
    <mergeCell ref="C26:C27"/>
    <mergeCell ref="D26:D27"/>
    <mergeCell ref="M26:O27"/>
    <mergeCell ref="P26:R27"/>
    <mergeCell ref="C20:C21"/>
    <mergeCell ref="D20:D21"/>
    <mergeCell ref="M20:O21"/>
    <mergeCell ref="P20:R21"/>
    <mergeCell ref="C22:C23"/>
    <mergeCell ref="D22:D23"/>
    <mergeCell ref="M22:O23"/>
    <mergeCell ref="P22:R23"/>
    <mergeCell ref="C18:C19"/>
    <mergeCell ref="D18:D19"/>
    <mergeCell ref="M18:O19"/>
    <mergeCell ref="P18:R19"/>
    <mergeCell ref="F9:I9"/>
    <mergeCell ref="F11:I11"/>
    <mergeCell ref="C14:K14"/>
    <mergeCell ref="M14:R14"/>
    <mergeCell ref="C15:D15"/>
    <mergeCell ref="F15:G15"/>
    <mergeCell ref="H15:I15"/>
    <mergeCell ref="J15:K15"/>
    <mergeCell ref="M15:O15"/>
    <mergeCell ref="P15:R15"/>
    <mergeCell ref="L1:M1"/>
    <mergeCell ref="B2:R2"/>
    <mergeCell ref="J4:R4"/>
    <mergeCell ref="J5:R5"/>
    <mergeCell ref="J6:R6"/>
    <mergeCell ref="B8:D8"/>
    <mergeCell ref="F8:I8"/>
    <mergeCell ref="C16:C17"/>
    <mergeCell ref="D16:D17"/>
    <mergeCell ref="M16:O17"/>
    <mergeCell ref="P16:R17"/>
  </mergeCells>
  <phoneticPr fontId="6"/>
  <dataValidations count="3">
    <dataValidation type="list" allowBlank="1" showInputMessage="1" showErrorMessage="1" sqref="B14 B44">
      <formula1>"□,■"</formula1>
    </dataValidation>
    <dataValidation type="list" allowBlank="1" showInputMessage="1" showErrorMessage="1" sqref="F11">
      <formula1>"前年度（３月を除く）,届出日の属する月の前３月"</formula1>
    </dataValidation>
    <dataValidation type="list" allowBlank="1" showInputMessage="1" showErrorMessage="1" sqref="F8:I8">
      <formula1>$W$17:$W$19</formula1>
    </dataValidation>
  </dataValidations>
  <printOptions horizontalCentered="1"/>
  <pageMargins left="0.51181102362204722" right="0.51181102362204722" top="0.35433070866141736" bottom="0.15748031496062992" header="0.31496062992125984" footer="0.31496062992125984"/>
  <pageSetup paperSize="9" scale="68" fitToHeight="0" orientation="portrait" blackAndWhite="1" cellComments="asDisplayed" r:id="rId1"/>
  <headerFooter alignWithMargins="0"/>
  <rowBreaks count="1" manualBreakCount="1">
    <brk id="56" max="1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c r="AN1" s="1"/>
    </row>
    <row r="2" spans="2:40" s="2" customFormat="1">
      <c r="B2" s="1" t="s">
        <v>123</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c r="Z3" s="378" t="s">
        <v>88</v>
      </c>
      <c r="AA3" s="379"/>
      <c r="AB3" s="379"/>
      <c r="AC3" s="379"/>
      <c r="AD3" s="380"/>
      <c r="AE3" s="306"/>
      <c r="AF3" s="307"/>
      <c r="AG3" s="307"/>
      <c r="AH3" s="307"/>
      <c r="AI3" s="307"/>
      <c r="AJ3" s="307"/>
      <c r="AK3" s="307"/>
      <c r="AL3" s="308"/>
      <c r="AM3" s="20"/>
      <c r="AN3" s="1"/>
    </row>
    <row r="4" spans="2:40" s="2" customFormat="1">
      <c r="AN4" s="21"/>
    </row>
    <row r="5" spans="2:40" s="2" customFormat="1">
      <c r="B5" s="381" t="s">
        <v>43</v>
      </c>
      <c r="C5" s="381"/>
      <c r="D5" s="381"/>
      <c r="E5" s="381"/>
      <c r="F5" s="381"/>
      <c r="G5" s="381"/>
      <c r="H5" s="381"/>
      <c r="I5" s="381"/>
      <c r="J5" s="381"/>
      <c r="K5" s="381"/>
      <c r="L5" s="381"/>
      <c r="M5" s="381"/>
      <c r="N5" s="381"/>
      <c r="O5" s="381"/>
      <c r="P5" s="381"/>
      <c r="Q5" s="381"/>
      <c r="R5" s="381"/>
      <c r="S5" s="381"/>
      <c r="T5" s="381"/>
      <c r="U5" s="381"/>
      <c r="V5" s="381"/>
      <c r="W5" s="381"/>
      <c r="X5" s="381"/>
      <c r="Y5" s="381"/>
      <c r="Z5" s="381"/>
      <c r="AA5" s="381"/>
      <c r="AB5" s="381"/>
      <c r="AC5" s="381"/>
      <c r="AD5" s="381"/>
      <c r="AE5" s="381"/>
      <c r="AF5" s="381"/>
      <c r="AG5" s="381"/>
      <c r="AH5" s="381"/>
      <c r="AI5" s="381"/>
      <c r="AJ5" s="381"/>
      <c r="AK5" s="381"/>
      <c r="AL5" s="381"/>
    </row>
    <row r="6" spans="2:40" s="2" customFormat="1" ht="13.5" customHeight="1">
      <c r="AC6" s="1"/>
      <c r="AD6" s="45"/>
      <c r="AE6" s="45" t="s">
        <v>30</v>
      </c>
      <c r="AH6" s="2" t="s">
        <v>36</v>
      </c>
      <c r="AJ6" s="2" t="s">
        <v>32</v>
      </c>
      <c r="AL6" s="2" t="s">
        <v>31</v>
      </c>
    </row>
    <row r="7" spans="2:40" s="2" customFormat="1">
      <c r="B7" s="381" t="s">
        <v>89</v>
      </c>
      <c r="C7" s="381"/>
      <c r="D7" s="381"/>
      <c r="E7" s="381"/>
      <c r="F7" s="381"/>
      <c r="G7" s="381"/>
      <c r="H7" s="381"/>
      <c r="I7" s="381"/>
      <c r="J7" s="381"/>
      <c r="K7" s="12"/>
      <c r="L7" s="12"/>
      <c r="M7" s="12"/>
      <c r="N7" s="12"/>
      <c r="O7" s="12"/>
      <c r="P7" s="12"/>
      <c r="Q7" s="12"/>
      <c r="R7" s="12"/>
      <c r="S7" s="12"/>
      <c r="T7" s="12"/>
    </row>
    <row r="8" spans="2:40" s="2" customFormat="1">
      <c r="AC8" s="1" t="s">
        <v>81</v>
      </c>
    </row>
    <row r="9" spans="2:40" s="2" customFormat="1">
      <c r="C9" s="1" t="s">
        <v>44</v>
      </c>
      <c r="D9" s="1"/>
    </row>
    <row r="10" spans="2:40" s="2" customFormat="1" ht="6.75" customHeight="1">
      <c r="C10" s="1"/>
      <c r="D10" s="1"/>
    </row>
    <row r="11" spans="2:40" s="2" customFormat="1" ht="14.25" customHeight="1">
      <c r="B11" s="382" t="s">
        <v>90</v>
      </c>
      <c r="C11" s="385" t="s">
        <v>8</v>
      </c>
      <c r="D11" s="386"/>
      <c r="E11" s="386"/>
      <c r="F11" s="386"/>
      <c r="G11" s="386"/>
      <c r="H11" s="386"/>
      <c r="I11" s="386"/>
      <c r="J11" s="386"/>
      <c r="K11" s="387"/>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c r="B12" s="383"/>
      <c r="C12" s="388" t="s">
        <v>91</v>
      </c>
      <c r="D12" s="389"/>
      <c r="E12" s="389"/>
      <c r="F12" s="389"/>
      <c r="G12" s="389"/>
      <c r="H12" s="389"/>
      <c r="I12" s="389"/>
      <c r="J12" s="389"/>
      <c r="K12" s="389"/>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c r="B13" s="383"/>
      <c r="C13" s="385" t="s">
        <v>9</v>
      </c>
      <c r="D13" s="386"/>
      <c r="E13" s="386"/>
      <c r="F13" s="386"/>
      <c r="G13" s="386"/>
      <c r="H13" s="386"/>
      <c r="I13" s="386"/>
      <c r="J13" s="386"/>
      <c r="K13" s="390"/>
      <c r="L13" s="395" t="s">
        <v>92</v>
      </c>
      <c r="M13" s="396"/>
      <c r="N13" s="396"/>
      <c r="O13" s="396"/>
      <c r="P13" s="396"/>
      <c r="Q13" s="396"/>
      <c r="R13" s="396"/>
      <c r="S13" s="396"/>
      <c r="T13" s="396"/>
      <c r="U13" s="396"/>
      <c r="V13" s="396"/>
      <c r="W13" s="396"/>
      <c r="X13" s="396"/>
      <c r="Y13" s="396"/>
      <c r="Z13" s="396"/>
      <c r="AA13" s="396"/>
      <c r="AB13" s="396"/>
      <c r="AC13" s="396"/>
      <c r="AD13" s="396"/>
      <c r="AE13" s="396"/>
      <c r="AF13" s="396"/>
      <c r="AG13" s="396"/>
      <c r="AH13" s="396"/>
      <c r="AI13" s="396"/>
      <c r="AJ13" s="396"/>
      <c r="AK13" s="396"/>
      <c r="AL13" s="397"/>
    </row>
    <row r="14" spans="2:40" s="2" customFormat="1">
      <c r="B14" s="383"/>
      <c r="C14" s="388"/>
      <c r="D14" s="389"/>
      <c r="E14" s="389"/>
      <c r="F14" s="389"/>
      <c r="G14" s="389"/>
      <c r="H14" s="389"/>
      <c r="I14" s="389"/>
      <c r="J14" s="389"/>
      <c r="K14" s="391"/>
      <c r="L14" s="398" t="s">
        <v>93</v>
      </c>
      <c r="M14" s="399"/>
      <c r="N14" s="399"/>
      <c r="O14" s="399"/>
      <c r="P14" s="399"/>
      <c r="Q14" s="399"/>
      <c r="R14" s="399"/>
      <c r="S14" s="399"/>
      <c r="T14" s="399"/>
      <c r="U14" s="399"/>
      <c r="V14" s="399"/>
      <c r="W14" s="399"/>
      <c r="X14" s="399"/>
      <c r="Y14" s="399"/>
      <c r="Z14" s="399"/>
      <c r="AA14" s="399"/>
      <c r="AB14" s="399"/>
      <c r="AC14" s="399"/>
      <c r="AD14" s="399"/>
      <c r="AE14" s="399"/>
      <c r="AF14" s="399"/>
      <c r="AG14" s="399"/>
      <c r="AH14" s="399"/>
      <c r="AI14" s="399"/>
      <c r="AJ14" s="399"/>
      <c r="AK14" s="399"/>
      <c r="AL14" s="400"/>
    </row>
    <row r="15" spans="2:40" s="2" customFormat="1">
      <c r="B15" s="383"/>
      <c r="C15" s="392"/>
      <c r="D15" s="393"/>
      <c r="E15" s="393"/>
      <c r="F15" s="393"/>
      <c r="G15" s="393"/>
      <c r="H15" s="393"/>
      <c r="I15" s="393"/>
      <c r="J15" s="393"/>
      <c r="K15" s="394"/>
      <c r="L15" s="401" t="s">
        <v>94</v>
      </c>
      <c r="M15" s="402"/>
      <c r="N15" s="402"/>
      <c r="O15" s="402"/>
      <c r="P15" s="402"/>
      <c r="Q15" s="402"/>
      <c r="R15" s="402"/>
      <c r="S15" s="402"/>
      <c r="T15" s="402"/>
      <c r="U15" s="402"/>
      <c r="V15" s="402"/>
      <c r="W15" s="402"/>
      <c r="X15" s="402"/>
      <c r="Y15" s="402"/>
      <c r="Z15" s="402"/>
      <c r="AA15" s="402"/>
      <c r="AB15" s="402"/>
      <c r="AC15" s="402"/>
      <c r="AD15" s="402"/>
      <c r="AE15" s="402"/>
      <c r="AF15" s="402"/>
      <c r="AG15" s="402"/>
      <c r="AH15" s="402"/>
      <c r="AI15" s="402"/>
      <c r="AJ15" s="402"/>
      <c r="AK15" s="402"/>
      <c r="AL15" s="403"/>
    </row>
    <row r="16" spans="2:40" s="2" customFormat="1" ht="14.25" customHeight="1">
      <c r="B16" s="383"/>
      <c r="C16" s="404" t="s">
        <v>95</v>
      </c>
      <c r="D16" s="405"/>
      <c r="E16" s="405"/>
      <c r="F16" s="405"/>
      <c r="G16" s="405"/>
      <c r="H16" s="405"/>
      <c r="I16" s="405"/>
      <c r="J16" s="405"/>
      <c r="K16" s="406"/>
      <c r="L16" s="378" t="s">
        <v>10</v>
      </c>
      <c r="M16" s="379"/>
      <c r="N16" s="379"/>
      <c r="O16" s="379"/>
      <c r="P16" s="380"/>
      <c r="Q16" s="24"/>
      <c r="R16" s="25"/>
      <c r="S16" s="25"/>
      <c r="T16" s="25"/>
      <c r="U16" s="25"/>
      <c r="V16" s="25"/>
      <c r="W16" s="25"/>
      <c r="X16" s="25"/>
      <c r="Y16" s="26"/>
      <c r="Z16" s="407" t="s">
        <v>11</v>
      </c>
      <c r="AA16" s="408"/>
      <c r="AB16" s="408"/>
      <c r="AC16" s="408"/>
      <c r="AD16" s="409"/>
      <c r="AE16" s="28"/>
      <c r="AF16" s="32"/>
      <c r="AG16" s="22"/>
      <c r="AH16" s="22"/>
      <c r="AI16" s="22"/>
      <c r="AJ16" s="396"/>
      <c r="AK16" s="396"/>
      <c r="AL16" s="397"/>
    </row>
    <row r="17" spans="2:40" ht="14.25" customHeight="1">
      <c r="B17" s="383"/>
      <c r="C17" s="415" t="s">
        <v>55</v>
      </c>
      <c r="D17" s="416"/>
      <c r="E17" s="416"/>
      <c r="F17" s="416"/>
      <c r="G17" s="416"/>
      <c r="H17" s="416"/>
      <c r="I17" s="416"/>
      <c r="J17" s="416"/>
      <c r="K17" s="417"/>
      <c r="L17" s="27"/>
      <c r="M17" s="27"/>
      <c r="N17" s="27"/>
      <c r="O17" s="27"/>
      <c r="P17" s="27"/>
      <c r="Q17" s="27"/>
      <c r="R17" s="27"/>
      <c r="S17" s="27"/>
      <c r="U17" s="378" t="s">
        <v>12</v>
      </c>
      <c r="V17" s="379"/>
      <c r="W17" s="379"/>
      <c r="X17" s="379"/>
      <c r="Y17" s="380"/>
      <c r="Z17" s="18"/>
      <c r="AA17" s="19"/>
      <c r="AB17" s="19"/>
      <c r="AC17" s="19"/>
      <c r="AD17" s="19"/>
      <c r="AE17" s="418"/>
      <c r="AF17" s="418"/>
      <c r="AG17" s="418"/>
      <c r="AH17" s="418"/>
      <c r="AI17" s="418"/>
      <c r="AJ17" s="418"/>
      <c r="AK17" s="418"/>
      <c r="AL17" s="17"/>
      <c r="AN17" s="3"/>
    </row>
    <row r="18" spans="2:40" ht="14.25" customHeight="1">
      <c r="B18" s="383"/>
      <c r="C18" s="410" t="s">
        <v>13</v>
      </c>
      <c r="D18" s="410"/>
      <c r="E18" s="410"/>
      <c r="F18" s="410"/>
      <c r="G18" s="410"/>
      <c r="H18" s="411"/>
      <c r="I18" s="411"/>
      <c r="J18" s="411"/>
      <c r="K18" s="412"/>
      <c r="L18" s="378" t="s">
        <v>14</v>
      </c>
      <c r="M18" s="379"/>
      <c r="N18" s="379"/>
      <c r="O18" s="379"/>
      <c r="P18" s="380"/>
      <c r="Q18" s="29"/>
      <c r="R18" s="30"/>
      <c r="S18" s="30"/>
      <c r="T18" s="30"/>
      <c r="U18" s="30"/>
      <c r="V18" s="30"/>
      <c r="W18" s="30"/>
      <c r="X18" s="30"/>
      <c r="Y18" s="31"/>
      <c r="Z18" s="413" t="s">
        <v>15</v>
      </c>
      <c r="AA18" s="413"/>
      <c r="AB18" s="413"/>
      <c r="AC18" s="413"/>
      <c r="AD18" s="414"/>
      <c r="AE18" s="15"/>
      <c r="AF18" s="16"/>
      <c r="AG18" s="16"/>
      <c r="AH18" s="16"/>
      <c r="AI18" s="16"/>
      <c r="AJ18" s="16"/>
      <c r="AK18" s="16"/>
      <c r="AL18" s="17"/>
      <c r="AN18" s="3"/>
    </row>
    <row r="19" spans="2:40" ht="13.5" customHeight="1">
      <c r="B19" s="383"/>
      <c r="C19" s="419" t="s">
        <v>16</v>
      </c>
      <c r="D19" s="419"/>
      <c r="E19" s="419"/>
      <c r="F19" s="419"/>
      <c r="G19" s="419"/>
      <c r="H19" s="420"/>
      <c r="I19" s="420"/>
      <c r="J19" s="420"/>
      <c r="K19" s="420"/>
      <c r="L19" s="395" t="s">
        <v>92</v>
      </c>
      <c r="M19" s="396"/>
      <c r="N19" s="396"/>
      <c r="O19" s="396"/>
      <c r="P19" s="396"/>
      <c r="Q19" s="396"/>
      <c r="R19" s="396"/>
      <c r="S19" s="396"/>
      <c r="T19" s="396"/>
      <c r="U19" s="396"/>
      <c r="V19" s="396"/>
      <c r="W19" s="396"/>
      <c r="X19" s="396"/>
      <c r="Y19" s="396"/>
      <c r="Z19" s="396"/>
      <c r="AA19" s="396"/>
      <c r="AB19" s="396"/>
      <c r="AC19" s="396"/>
      <c r="AD19" s="396"/>
      <c r="AE19" s="396"/>
      <c r="AF19" s="396"/>
      <c r="AG19" s="396"/>
      <c r="AH19" s="396"/>
      <c r="AI19" s="396"/>
      <c r="AJ19" s="396"/>
      <c r="AK19" s="396"/>
      <c r="AL19" s="397"/>
      <c r="AN19" s="3"/>
    </row>
    <row r="20" spans="2:40" ht="14.25" customHeight="1">
      <c r="B20" s="383"/>
      <c r="C20" s="419"/>
      <c r="D20" s="419"/>
      <c r="E20" s="419"/>
      <c r="F20" s="419"/>
      <c r="G20" s="419"/>
      <c r="H20" s="420"/>
      <c r="I20" s="420"/>
      <c r="J20" s="420"/>
      <c r="K20" s="420"/>
      <c r="L20" s="398" t="s">
        <v>93</v>
      </c>
      <c r="M20" s="399"/>
      <c r="N20" s="399"/>
      <c r="O20" s="399"/>
      <c r="P20" s="399"/>
      <c r="Q20" s="399"/>
      <c r="R20" s="399"/>
      <c r="S20" s="399"/>
      <c r="T20" s="399"/>
      <c r="U20" s="399"/>
      <c r="V20" s="399"/>
      <c r="W20" s="399"/>
      <c r="X20" s="399"/>
      <c r="Y20" s="399"/>
      <c r="Z20" s="399"/>
      <c r="AA20" s="399"/>
      <c r="AB20" s="399"/>
      <c r="AC20" s="399"/>
      <c r="AD20" s="399"/>
      <c r="AE20" s="399"/>
      <c r="AF20" s="399"/>
      <c r="AG20" s="399"/>
      <c r="AH20" s="399"/>
      <c r="AI20" s="399"/>
      <c r="AJ20" s="399"/>
      <c r="AK20" s="399"/>
      <c r="AL20" s="400"/>
      <c r="AN20" s="3"/>
    </row>
    <row r="21" spans="2:40">
      <c r="B21" s="384"/>
      <c r="C21" s="421"/>
      <c r="D21" s="421"/>
      <c r="E21" s="421"/>
      <c r="F21" s="421"/>
      <c r="G21" s="421"/>
      <c r="H21" s="422"/>
      <c r="I21" s="422"/>
      <c r="J21" s="422"/>
      <c r="K21" s="422"/>
      <c r="L21" s="423"/>
      <c r="M21" s="424"/>
      <c r="N21" s="424"/>
      <c r="O21" s="424"/>
      <c r="P21" s="424"/>
      <c r="Q21" s="424"/>
      <c r="R21" s="424"/>
      <c r="S21" s="424"/>
      <c r="T21" s="424"/>
      <c r="U21" s="424"/>
      <c r="V21" s="424"/>
      <c r="W21" s="424"/>
      <c r="X21" s="424"/>
      <c r="Y21" s="424"/>
      <c r="Z21" s="424"/>
      <c r="AA21" s="424"/>
      <c r="AB21" s="424"/>
      <c r="AC21" s="424"/>
      <c r="AD21" s="424"/>
      <c r="AE21" s="424"/>
      <c r="AF21" s="424"/>
      <c r="AG21" s="424"/>
      <c r="AH21" s="424"/>
      <c r="AI21" s="424"/>
      <c r="AJ21" s="424"/>
      <c r="AK21" s="424"/>
      <c r="AL21" s="425"/>
      <c r="AN21" s="3"/>
    </row>
    <row r="22" spans="2:40" ht="13.5" customHeight="1">
      <c r="B22" s="426" t="s">
        <v>96</v>
      </c>
      <c r="C22" s="385" t="s">
        <v>118</v>
      </c>
      <c r="D22" s="386"/>
      <c r="E22" s="386"/>
      <c r="F22" s="386"/>
      <c r="G22" s="386"/>
      <c r="H22" s="386"/>
      <c r="I22" s="386"/>
      <c r="J22" s="386"/>
      <c r="K22" s="390"/>
      <c r="L22" s="395" t="s">
        <v>92</v>
      </c>
      <c r="M22" s="396"/>
      <c r="N22" s="396"/>
      <c r="O22" s="396"/>
      <c r="P22" s="396"/>
      <c r="Q22" s="396"/>
      <c r="R22" s="396"/>
      <c r="S22" s="396"/>
      <c r="T22" s="396"/>
      <c r="U22" s="396"/>
      <c r="V22" s="396"/>
      <c r="W22" s="396"/>
      <c r="X22" s="396"/>
      <c r="Y22" s="396"/>
      <c r="Z22" s="396"/>
      <c r="AA22" s="396"/>
      <c r="AB22" s="396"/>
      <c r="AC22" s="396"/>
      <c r="AD22" s="396"/>
      <c r="AE22" s="396"/>
      <c r="AF22" s="396"/>
      <c r="AG22" s="396"/>
      <c r="AH22" s="396"/>
      <c r="AI22" s="396"/>
      <c r="AJ22" s="396"/>
      <c r="AK22" s="396"/>
      <c r="AL22" s="397"/>
      <c r="AN22" s="3"/>
    </row>
    <row r="23" spans="2:40" ht="14.25" customHeight="1">
      <c r="B23" s="427"/>
      <c r="C23" s="388"/>
      <c r="D23" s="389"/>
      <c r="E23" s="389"/>
      <c r="F23" s="389"/>
      <c r="G23" s="389"/>
      <c r="H23" s="389"/>
      <c r="I23" s="389"/>
      <c r="J23" s="389"/>
      <c r="K23" s="391"/>
      <c r="L23" s="398" t="s">
        <v>93</v>
      </c>
      <c r="M23" s="399"/>
      <c r="N23" s="399"/>
      <c r="O23" s="399"/>
      <c r="P23" s="399"/>
      <c r="Q23" s="399"/>
      <c r="R23" s="399"/>
      <c r="S23" s="399"/>
      <c r="T23" s="399"/>
      <c r="U23" s="399"/>
      <c r="V23" s="399"/>
      <c r="W23" s="399"/>
      <c r="X23" s="399"/>
      <c r="Y23" s="399"/>
      <c r="Z23" s="399"/>
      <c r="AA23" s="399"/>
      <c r="AB23" s="399"/>
      <c r="AC23" s="399"/>
      <c r="AD23" s="399"/>
      <c r="AE23" s="399"/>
      <c r="AF23" s="399"/>
      <c r="AG23" s="399"/>
      <c r="AH23" s="399"/>
      <c r="AI23" s="399"/>
      <c r="AJ23" s="399"/>
      <c r="AK23" s="399"/>
      <c r="AL23" s="400"/>
      <c r="AN23" s="3"/>
    </row>
    <row r="24" spans="2:40">
      <c r="B24" s="427"/>
      <c r="C24" s="392"/>
      <c r="D24" s="393"/>
      <c r="E24" s="393"/>
      <c r="F24" s="393"/>
      <c r="G24" s="393"/>
      <c r="H24" s="393"/>
      <c r="I24" s="393"/>
      <c r="J24" s="393"/>
      <c r="K24" s="394"/>
      <c r="L24" s="423"/>
      <c r="M24" s="424"/>
      <c r="N24" s="424"/>
      <c r="O24" s="424"/>
      <c r="P24" s="424"/>
      <c r="Q24" s="424"/>
      <c r="R24" s="424"/>
      <c r="S24" s="424"/>
      <c r="T24" s="424"/>
      <c r="U24" s="424"/>
      <c r="V24" s="424"/>
      <c r="W24" s="424"/>
      <c r="X24" s="424"/>
      <c r="Y24" s="424"/>
      <c r="Z24" s="424"/>
      <c r="AA24" s="424"/>
      <c r="AB24" s="424"/>
      <c r="AC24" s="424"/>
      <c r="AD24" s="424"/>
      <c r="AE24" s="424"/>
      <c r="AF24" s="424"/>
      <c r="AG24" s="424"/>
      <c r="AH24" s="424"/>
      <c r="AI24" s="424"/>
      <c r="AJ24" s="424"/>
      <c r="AK24" s="424"/>
      <c r="AL24" s="425"/>
      <c r="AN24" s="3"/>
    </row>
    <row r="25" spans="2:40" ht="14.25" customHeight="1">
      <c r="B25" s="427"/>
      <c r="C25" s="419" t="s">
        <v>95</v>
      </c>
      <c r="D25" s="419"/>
      <c r="E25" s="419"/>
      <c r="F25" s="419"/>
      <c r="G25" s="419"/>
      <c r="H25" s="419"/>
      <c r="I25" s="419"/>
      <c r="J25" s="419"/>
      <c r="K25" s="419"/>
      <c r="L25" s="378" t="s">
        <v>10</v>
      </c>
      <c r="M25" s="379"/>
      <c r="N25" s="379"/>
      <c r="O25" s="379"/>
      <c r="P25" s="380"/>
      <c r="Q25" s="24"/>
      <c r="R25" s="25"/>
      <c r="S25" s="25"/>
      <c r="T25" s="25"/>
      <c r="U25" s="25"/>
      <c r="V25" s="25"/>
      <c r="W25" s="25"/>
      <c r="X25" s="25"/>
      <c r="Y25" s="26"/>
      <c r="Z25" s="407" t="s">
        <v>11</v>
      </c>
      <c r="AA25" s="408"/>
      <c r="AB25" s="408"/>
      <c r="AC25" s="408"/>
      <c r="AD25" s="409"/>
      <c r="AE25" s="28"/>
      <c r="AF25" s="32"/>
      <c r="AG25" s="22"/>
      <c r="AH25" s="22"/>
      <c r="AI25" s="22"/>
      <c r="AJ25" s="396"/>
      <c r="AK25" s="396"/>
      <c r="AL25" s="397"/>
      <c r="AN25" s="3"/>
    </row>
    <row r="26" spans="2:40" ht="13.5" customHeight="1">
      <c r="B26" s="427"/>
      <c r="C26" s="429" t="s">
        <v>17</v>
      </c>
      <c r="D26" s="429"/>
      <c r="E26" s="429"/>
      <c r="F26" s="429"/>
      <c r="G26" s="429"/>
      <c r="H26" s="429"/>
      <c r="I26" s="429"/>
      <c r="J26" s="429"/>
      <c r="K26" s="429"/>
      <c r="L26" s="395" t="s">
        <v>92</v>
      </c>
      <c r="M26" s="396"/>
      <c r="N26" s="396"/>
      <c r="O26" s="396"/>
      <c r="P26" s="396"/>
      <c r="Q26" s="396"/>
      <c r="R26" s="396"/>
      <c r="S26" s="396"/>
      <c r="T26" s="396"/>
      <c r="U26" s="396"/>
      <c r="V26" s="396"/>
      <c r="W26" s="396"/>
      <c r="X26" s="396"/>
      <c r="Y26" s="396"/>
      <c r="Z26" s="396"/>
      <c r="AA26" s="396"/>
      <c r="AB26" s="396"/>
      <c r="AC26" s="396"/>
      <c r="AD26" s="396"/>
      <c r="AE26" s="396"/>
      <c r="AF26" s="396"/>
      <c r="AG26" s="396"/>
      <c r="AH26" s="396"/>
      <c r="AI26" s="396"/>
      <c r="AJ26" s="396"/>
      <c r="AK26" s="396"/>
      <c r="AL26" s="397"/>
      <c r="AN26" s="3"/>
    </row>
    <row r="27" spans="2:40" ht="14.25" customHeight="1">
      <c r="B27" s="427"/>
      <c r="C27" s="429"/>
      <c r="D27" s="429"/>
      <c r="E27" s="429"/>
      <c r="F27" s="429"/>
      <c r="G27" s="429"/>
      <c r="H27" s="429"/>
      <c r="I27" s="429"/>
      <c r="J27" s="429"/>
      <c r="K27" s="429"/>
      <c r="L27" s="398" t="s">
        <v>93</v>
      </c>
      <c r="M27" s="399"/>
      <c r="N27" s="399"/>
      <c r="O27" s="399"/>
      <c r="P27" s="399"/>
      <c r="Q27" s="399"/>
      <c r="R27" s="399"/>
      <c r="S27" s="399"/>
      <c r="T27" s="399"/>
      <c r="U27" s="399"/>
      <c r="V27" s="399"/>
      <c r="W27" s="399"/>
      <c r="X27" s="399"/>
      <c r="Y27" s="399"/>
      <c r="Z27" s="399"/>
      <c r="AA27" s="399"/>
      <c r="AB27" s="399"/>
      <c r="AC27" s="399"/>
      <c r="AD27" s="399"/>
      <c r="AE27" s="399"/>
      <c r="AF27" s="399"/>
      <c r="AG27" s="399"/>
      <c r="AH27" s="399"/>
      <c r="AI27" s="399"/>
      <c r="AJ27" s="399"/>
      <c r="AK27" s="399"/>
      <c r="AL27" s="400"/>
      <c r="AN27" s="3"/>
    </row>
    <row r="28" spans="2:40">
      <c r="B28" s="427"/>
      <c r="C28" s="429"/>
      <c r="D28" s="429"/>
      <c r="E28" s="429"/>
      <c r="F28" s="429"/>
      <c r="G28" s="429"/>
      <c r="H28" s="429"/>
      <c r="I28" s="429"/>
      <c r="J28" s="429"/>
      <c r="K28" s="429"/>
      <c r="L28" s="423"/>
      <c r="M28" s="424"/>
      <c r="N28" s="424"/>
      <c r="O28" s="424"/>
      <c r="P28" s="424"/>
      <c r="Q28" s="424"/>
      <c r="R28" s="424"/>
      <c r="S28" s="424"/>
      <c r="T28" s="424"/>
      <c r="U28" s="424"/>
      <c r="V28" s="424"/>
      <c r="W28" s="424"/>
      <c r="X28" s="424"/>
      <c r="Y28" s="424"/>
      <c r="Z28" s="424"/>
      <c r="AA28" s="424"/>
      <c r="AB28" s="424"/>
      <c r="AC28" s="424"/>
      <c r="AD28" s="424"/>
      <c r="AE28" s="424"/>
      <c r="AF28" s="424"/>
      <c r="AG28" s="424"/>
      <c r="AH28" s="424"/>
      <c r="AI28" s="424"/>
      <c r="AJ28" s="424"/>
      <c r="AK28" s="424"/>
      <c r="AL28" s="425"/>
      <c r="AN28" s="3"/>
    </row>
    <row r="29" spans="2:40" ht="14.25" customHeight="1">
      <c r="B29" s="427"/>
      <c r="C29" s="419" t="s">
        <v>95</v>
      </c>
      <c r="D29" s="419"/>
      <c r="E29" s="419"/>
      <c r="F29" s="419"/>
      <c r="G29" s="419"/>
      <c r="H29" s="419"/>
      <c r="I29" s="419"/>
      <c r="J29" s="419"/>
      <c r="K29" s="419"/>
      <c r="L29" s="378" t="s">
        <v>10</v>
      </c>
      <c r="M29" s="379"/>
      <c r="N29" s="379"/>
      <c r="O29" s="379"/>
      <c r="P29" s="380"/>
      <c r="Q29" s="28"/>
      <c r="R29" s="32"/>
      <c r="S29" s="32"/>
      <c r="T29" s="32"/>
      <c r="U29" s="32"/>
      <c r="V29" s="32"/>
      <c r="W29" s="32"/>
      <c r="X29" s="32"/>
      <c r="Y29" s="33"/>
      <c r="Z29" s="407" t="s">
        <v>11</v>
      </c>
      <c r="AA29" s="408"/>
      <c r="AB29" s="408"/>
      <c r="AC29" s="408"/>
      <c r="AD29" s="409"/>
      <c r="AE29" s="28"/>
      <c r="AF29" s="32"/>
      <c r="AG29" s="22"/>
      <c r="AH29" s="22"/>
      <c r="AI29" s="22"/>
      <c r="AJ29" s="396"/>
      <c r="AK29" s="396"/>
      <c r="AL29" s="397"/>
      <c r="AN29" s="3"/>
    </row>
    <row r="30" spans="2:40" ht="14.25" customHeight="1">
      <c r="B30" s="427"/>
      <c r="C30" s="419" t="s">
        <v>18</v>
      </c>
      <c r="D30" s="419"/>
      <c r="E30" s="419"/>
      <c r="F30" s="419"/>
      <c r="G30" s="419"/>
      <c r="H30" s="419"/>
      <c r="I30" s="419"/>
      <c r="J30" s="419"/>
      <c r="K30" s="419"/>
      <c r="L30" s="430"/>
      <c r="M30" s="430"/>
      <c r="N30" s="430"/>
      <c r="O30" s="430"/>
      <c r="P30" s="430"/>
      <c r="Q30" s="430"/>
      <c r="R30" s="430"/>
      <c r="S30" s="430"/>
      <c r="T30" s="430"/>
      <c r="U30" s="430"/>
      <c r="V30" s="430"/>
      <c r="W30" s="430"/>
      <c r="X30" s="430"/>
      <c r="Y30" s="430"/>
      <c r="Z30" s="430"/>
      <c r="AA30" s="430"/>
      <c r="AB30" s="430"/>
      <c r="AC30" s="430"/>
      <c r="AD30" s="430"/>
      <c r="AE30" s="430"/>
      <c r="AF30" s="430"/>
      <c r="AG30" s="430"/>
      <c r="AH30" s="430"/>
      <c r="AI30" s="430"/>
      <c r="AJ30" s="430"/>
      <c r="AK30" s="430"/>
      <c r="AL30" s="430"/>
      <c r="AN30" s="3"/>
    </row>
    <row r="31" spans="2:40" ht="13.5" customHeight="1">
      <c r="B31" s="427"/>
      <c r="C31" s="419" t="s">
        <v>19</v>
      </c>
      <c r="D31" s="419"/>
      <c r="E31" s="419"/>
      <c r="F31" s="419"/>
      <c r="G31" s="419"/>
      <c r="H31" s="419"/>
      <c r="I31" s="419"/>
      <c r="J31" s="419"/>
      <c r="K31" s="419"/>
      <c r="L31" s="395" t="s">
        <v>92</v>
      </c>
      <c r="M31" s="396"/>
      <c r="N31" s="396"/>
      <c r="O31" s="396"/>
      <c r="P31" s="396"/>
      <c r="Q31" s="396"/>
      <c r="R31" s="396"/>
      <c r="S31" s="396"/>
      <c r="T31" s="396"/>
      <c r="U31" s="396"/>
      <c r="V31" s="396"/>
      <c r="W31" s="396"/>
      <c r="X31" s="396"/>
      <c r="Y31" s="396"/>
      <c r="Z31" s="396"/>
      <c r="AA31" s="396"/>
      <c r="AB31" s="396"/>
      <c r="AC31" s="396"/>
      <c r="AD31" s="396"/>
      <c r="AE31" s="396"/>
      <c r="AF31" s="396"/>
      <c r="AG31" s="396"/>
      <c r="AH31" s="396"/>
      <c r="AI31" s="396"/>
      <c r="AJ31" s="396"/>
      <c r="AK31" s="396"/>
      <c r="AL31" s="397"/>
      <c r="AN31" s="3"/>
    </row>
    <row r="32" spans="2:40" ht="14.25" customHeight="1">
      <c r="B32" s="427"/>
      <c r="C32" s="419"/>
      <c r="D32" s="419"/>
      <c r="E32" s="419"/>
      <c r="F32" s="419"/>
      <c r="G32" s="419"/>
      <c r="H32" s="419"/>
      <c r="I32" s="419"/>
      <c r="J32" s="419"/>
      <c r="K32" s="419"/>
      <c r="L32" s="398" t="s">
        <v>93</v>
      </c>
      <c r="M32" s="399"/>
      <c r="N32" s="399"/>
      <c r="O32" s="399"/>
      <c r="P32" s="399"/>
      <c r="Q32" s="399"/>
      <c r="R32" s="399"/>
      <c r="S32" s="399"/>
      <c r="T32" s="399"/>
      <c r="U32" s="399"/>
      <c r="V32" s="399"/>
      <c r="W32" s="399"/>
      <c r="X32" s="399"/>
      <c r="Y32" s="399"/>
      <c r="Z32" s="399"/>
      <c r="AA32" s="399"/>
      <c r="AB32" s="399"/>
      <c r="AC32" s="399"/>
      <c r="AD32" s="399"/>
      <c r="AE32" s="399"/>
      <c r="AF32" s="399"/>
      <c r="AG32" s="399"/>
      <c r="AH32" s="399"/>
      <c r="AI32" s="399"/>
      <c r="AJ32" s="399"/>
      <c r="AK32" s="399"/>
      <c r="AL32" s="400"/>
      <c r="AN32" s="3"/>
    </row>
    <row r="33" spans="2:40">
      <c r="B33" s="428"/>
      <c r="C33" s="419"/>
      <c r="D33" s="419"/>
      <c r="E33" s="419"/>
      <c r="F33" s="419"/>
      <c r="G33" s="419"/>
      <c r="H33" s="419"/>
      <c r="I33" s="419"/>
      <c r="J33" s="419"/>
      <c r="K33" s="419"/>
      <c r="L33" s="423"/>
      <c r="M33" s="424"/>
      <c r="N33" s="402"/>
      <c r="O33" s="402"/>
      <c r="P33" s="402"/>
      <c r="Q33" s="402"/>
      <c r="R33" s="402"/>
      <c r="S33" s="402"/>
      <c r="T33" s="402"/>
      <c r="U33" s="402"/>
      <c r="V33" s="402"/>
      <c r="W33" s="402"/>
      <c r="X33" s="402"/>
      <c r="Y33" s="402"/>
      <c r="Z33" s="402"/>
      <c r="AA33" s="402"/>
      <c r="AB33" s="402"/>
      <c r="AC33" s="424"/>
      <c r="AD33" s="424"/>
      <c r="AE33" s="424"/>
      <c r="AF33" s="424"/>
      <c r="AG33" s="424"/>
      <c r="AH33" s="402"/>
      <c r="AI33" s="402"/>
      <c r="AJ33" s="402"/>
      <c r="AK33" s="402"/>
      <c r="AL33" s="403"/>
      <c r="AN33" s="3"/>
    </row>
    <row r="34" spans="2:40" ht="13.5" customHeight="1">
      <c r="B34" s="426" t="s">
        <v>45</v>
      </c>
      <c r="C34" s="465" t="s">
        <v>97</v>
      </c>
      <c r="D34" s="466"/>
      <c r="E34" s="466"/>
      <c r="F34" s="466"/>
      <c r="G34" s="466"/>
      <c r="H34" s="466"/>
      <c r="I34" s="466"/>
      <c r="J34" s="466"/>
      <c r="K34" s="466"/>
      <c r="L34" s="466"/>
      <c r="M34" s="447" t="s">
        <v>20</v>
      </c>
      <c r="N34" s="448"/>
      <c r="O34" s="53" t="s">
        <v>47</v>
      </c>
      <c r="P34" s="49"/>
      <c r="Q34" s="50"/>
      <c r="R34" s="451" t="s">
        <v>21</v>
      </c>
      <c r="S34" s="452"/>
      <c r="T34" s="452"/>
      <c r="U34" s="452"/>
      <c r="V34" s="452"/>
      <c r="W34" s="452"/>
      <c r="X34" s="453"/>
      <c r="Y34" s="457" t="s">
        <v>74</v>
      </c>
      <c r="Z34" s="458"/>
      <c r="AA34" s="458"/>
      <c r="AB34" s="459"/>
      <c r="AC34" s="460" t="s">
        <v>75</v>
      </c>
      <c r="AD34" s="461"/>
      <c r="AE34" s="461"/>
      <c r="AF34" s="461"/>
      <c r="AG34" s="462"/>
      <c r="AH34" s="431" t="s">
        <v>52</v>
      </c>
      <c r="AI34" s="432"/>
      <c r="AJ34" s="432"/>
      <c r="AK34" s="432"/>
      <c r="AL34" s="433"/>
      <c r="AN34" s="3"/>
    </row>
    <row r="35" spans="2:40" ht="14.25" customHeight="1">
      <c r="B35" s="427"/>
      <c r="C35" s="467"/>
      <c r="D35" s="468"/>
      <c r="E35" s="468"/>
      <c r="F35" s="468"/>
      <c r="G35" s="468"/>
      <c r="H35" s="468"/>
      <c r="I35" s="468"/>
      <c r="J35" s="468"/>
      <c r="K35" s="468"/>
      <c r="L35" s="468"/>
      <c r="M35" s="449"/>
      <c r="N35" s="450"/>
      <c r="O35" s="54" t="s">
        <v>48</v>
      </c>
      <c r="P35" s="51"/>
      <c r="Q35" s="52"/>
      <c r="R35" s="454"/>
      <c r="S35" s="455"/>
      <c r="T35" s="455"/>
      <c r="U35" s="455"/>
      <c r="V35" s="455"/>
      <c r="W35" s="455"/>
      <c r="X35" s="456"/>
      <c r="Y35" s="56" t="s">
        <v>33</v>
      </c>
      <c r="Z35" s="55"/>
      <c r="AA35" s="55"/>
      <c r="AB35" s="55"/>
      <c r="AC35" s="434" t="s">
        <v>34</v>
      </c>
      <c r="AD35" s="435"/>
      <c r="AE35" s="435"/>
      <c r="AF35" s="435"/>
      <c r="AG35" s="436"/>
      <c r="AH35" s="437" t="s">
        <v>53</v>
      </c>
      <c r="AI35" s="438"/>
      <c r="AJ35" s="438"/>
      <c r="AK35" s="438"/>
      <c r="AL35" s="439"/>
      <c r="AN35" s="3"/>
    </row>
    <row r="36" spans="2:40" ht="14.25" customHeight="1">
      <c r="B36" s="427"/>
      <c r="C36" s="383"/>
      <c r="D36" s="69"/>
      <c r="E36" s="440" t="s">
        <v>2</v>
      </c>
      <c r="F36" s="440"/>
      <c r="G36" s="440"/>
      <c r="H36" s="440"/>
      <c r="I36" s="440"/>
      <c r="J36" s="440"/>
      <c r="K36" s="440"/>
      <c r="L36" s="441"/>
      <c r="M36" s="37"/>
      <c r="N36" s="36"/>
      <c r="O36" s="18"/>
      <c r="P36" s="19"/>
      <c r="Q36" s="36"/>
      <c r="R36" s="11" t="s">
        <v>76</v>
      </c>
      <c r="S36" s="5"/>
      <c r="T36" s="5"/>
      <c r="U36" s="5"/>
      <c r="V36" s="5"/>
      <c r="W36" s="5"/>
      <c r="X36" s="5"/>
      <c r="Y36" s="9"/>
      <c r="Z36" s="30"/>
      <c r="AA36" s="30"/>
      <c r="AB36" s="30"/>
      <c r="AC36" s="15"/>
      <c r="AD36" s="16"/>
      <c r="AE36" s="16"/>
      <c r="AF36" s="16"/>
      <c r="AG36" s="17"/>
      <c r="AH36" s="15"/>
      <c r="AI36" s="16"/>
      <c r="AJ36" s="16"/>
      <c r="AK36" s="16"/>
      <c r="AL36" s="17" t="s">
        <v>79</v>
      </c>
      <c r="AN36" s="3"/>
    </row>
    <row r="37" spans="2:40" ht="14.25" customHeight="1">
      <c r="B37" s="427"/>
      <c r="C37" s="383"/>
      <c r="D37" s="69"/>
      <c r="E37" s="440" t="s">
        <v>3</v>
      </c>
      <c r="F37" s="442"/>
      <c r="G37" s="442"/>
      <c r="H37" s="442"/>
      <c r="I37" s="442"/>
      <c r="J37" s="442"/>
      <c r="K37" s="442"/>
      <c r="L37" s="443"/>
      <c r="M37" s="37"/>
      <c r="N37" s="36"/>
      <c r="O37" s="18"/>
      <c r="P37" s="19"/>
      <c r="Q37" s="36"/>
      <c r="R37" s="11" t="s">
        <v>76</v>
      </c>
      <c r="S37" s="5"/>
      <c r="T37" s="5"/>
      <c r="U37" s="5"/>
      <c r="V37" s="5"/>
      <c r="W37" s="5"/>
      <c r="X37" s="5"/>
      <c r="Y37" s="9"/>
      <c r="Z37" s="30"/>
      <c r="AA37" s="30"/>
      <c r="AB37" s="30"/>
      <c r="AC37" s="15"/>
      <c r="AD37" s="16"/>
      <c r="AE37" s="16"/>
      <c r="AF37" s="16"/>
      <c r="AG37" s="17"/>
      <c r="AH37" s="15"/>
      <c r="AI37" s="16"/>
      <c r="AJ37" s="16"/>
      <c r="AK37" s="16"/>
      <c r="AL37" s="17" t="s">
        <v>79</v>
      </c>
      <c r="AN37" s="3"/>
    </row>
    <row r="38" spans="2:40" ht="14.25" customHeight="1">
      <c r="B38" s="427"/>
      <c r="C38" s="383"/>
      <c r="D38" s="69"/>
      <c r="E38" s="440" t="s">
        <v>5</v>
      </c>
      <c r="F38" s="442"/>
      <c r="G38" s="442"/>
      <c r="H38" s="442"/>
      <c r="I38" s="442"/>
      <c r="J38" s="442"/>
      <c r="K38" s="442"/>
      <c r="L38" s="443"/>
      <c r="M38" s="37"/>
      <c r="N38" s="36"/>
      <c r="O38" s="18"/>
      <c r="P38" s="19"/>
      <c r="Q38" s="36"/>
      <c r="R38" s="11" t="s">
        <v>76</v>
      </c>
      <c r="S38" s="5"/>
      <c r="T38" s="5"/>
      <c r="U38" s="5"/>
      <c r="V38" s="5"/>
      <c r="W38" s="5"/>
      <c r="X38" s="5"/>
      <c r="Y38" s="9"/>
      <c r="Z38" s="30"/>
      <c r="AA38" s="30"/>
      <c r="AB38" s="30"/>
      <c r="AC38" s="15"/>
      <c r="AD38" s="16"/>
      <c r="AE38" s="16"/>
      <c r="AF38" s="16"/>
      <c r="AG38" s="17"/>
      <c r="AH38" s="15"/>
      <c r="AI38" s="16"/>
      <c r="AJ38" s="16"/>
      <c r="AK38" s="16"/>
      <c r="AL38" s="17" t="s">
        <v>79</v>
      </c>
      <c r="AN38" s="3"/>
    </row>
    <row r="39" spans="2:40" ht="14.25" customHeight="1">
      <c r="B39" s="427"/>
      <c r="C39" s="383"/>
      <c r="D39" s="69"/>
      <c r="E39" s="440" t="s">
        <v>7</v>
      </c>
      <c r="F39" s="442"/>
      <c r="G39" s="442"/>
      <c r="H39" s="442"/>
      <c r="I39" s="442"/>
      <c r="J39" s="442"/>
      <c r="K39" s="442"/>
      <c r="L39" s="443"/>
      <c r="M39" s="37"/>
      <c r="N39" s="36"/>
      <c r="O39" s="18"/>
      <c r="P39" s="19"/>
      <c r="Q39" s="36"/>
      <c r="R39" s="11" t="s">
        <v>76</v>
      </c>
      <c r="S39" s="5"/>
      <c r="T39" s="5"/>
      <c r="U39" s="5"/>
      <c r="V39" s="5"/>
      <c r="W39" s="5"/>
      <c r="X39" s="5"/>
      <c r="Y39" s="9"/>
      <c r="Z39" s="30"/>
      <c r="AA39" s="30"/>
      <c r="AB39" s="30"/>
      <c r="AC39" s="15"/>
      <c r="AD39" s="16"/>
      <c r="AE39" s="16"/>
      <c r="AF39" s="16"/>
      <c r="AG39" s="17"/>
      <c r="AH39" s="15"/>
      <c r="AI39" s="16"/>
      <c r="AJ39" s="16"/>
      <c r="AK39" s="16"/>
      <c r="AL39" s="17" t="s">
        <v>79</v>
      </c>
      <c r="AN39" s="3"/>
    </row>
    <row r="40" spans="2:40" ht="14.25" customHeight="1">
      <c r="B40" s="427"/>
      <c r="C40" s="383"/>
      <c r="D40" s="69"/>
      <c r="E40" s="440" t="s">
        <v>6</v>
      </c>
      <c r="F40" s="442"/>
      <c r="G40" s="442"/>
      <c r="H40" s="442"/>
      <c r="I40" s="442"/>
      <c r="J40" s="442"/>
      <c r="K40" s="442"/>
      <c r="L40" s="443"/>
      <c r="M40" s="37"/>
      <c r="N40" s="36"/>
      <c r="O40" s="18"/>
      <c r="P40" s="19"/>
      <c r="Q40" s="36"/>
      <c r="R40" s="11" t="s">
        <v>76</v>
      </c>
      <c r="S40" s="5"/>
      <c r="T40" s="5"/>
      <c r="U40" s="5"/>
      <c r="V40" s="5"/>
      <c r="W40" s="5"/>
      <c r="X40" s="5"/>
      <c r="Y40" s="9"/>
      <c r="Z40" s="30"/>
      <c r="AA40" s="30"/>
      <c r="AB40" s="30"/>
      <c r="AC40" s="15"/>
      <c r="AD40" s="16"/>
      <c r="AE40" s="16"/>
      <c r="AF40" s="16"/>
      <c r="AG40" s="17"/>
      <c r="AH40" s="15"/>
      <c r="AI40" s="16"/>
      <c r="AJ40" s="16"/>
      <c r="AK40" s="16"/>
      <c r="AL40" s="17" t="s">
        <v>79</v>
      </c>
      <c r="AN40" s="3"/>
    </row>
    <row r="41" spans="2:40" ht="14.25" customHeight="1" thickBot="1">
      <c r="B41" s="427"/>
      <c r="C41" s="383"/>
      <c r="D41" s="70"/>
      <c r="E41" s="444" t="s">
        <v>46</v>
      </c>
      <c r="F41" s="445"/>
      <c r="G41" s="445"/>
      <c r="H41" s="445"/>
      <c r="I41" s="445"/>
      <c r="J41" s="445"/>
      <c r="K41" s="445"/>
      <c r="L41" s="446"/>
      <c r="M41" s="71"/>
      <c r="N41" s="35"/>
      <c r="O41" s="80"/>
      <c r="P41" s="34"/>
      <c r="Q41" s="35"/>
      <c r="R41" s="4" t="s">
        <v>76</v>
      </c>
      <c r="S41" s="81"/>
      <c r="T41" s="81"/>
      <c r="U41" s="81"/>
      <c r="V41" s="81"/>
      <c r="W41" s="81"/>
      <c r="X41" s="81"/>
      <c r="Y41" s="6"/>
      <c r="Z41" s="67"/>
      <c r="AA41" s="67"/>
      <c r="AB41" s="67"/>
      <c r="AC41" s="57"/>
      <c r="AD41" s="58"/>
      <c r="AE41" s="58"/>
      <c r="AF41" s="58"/>
      <c r="AG41" s="59"/>
      <c r="AH41" s="57"/>
      <c r="AI41" s="58"/>
      <c r="AJ41" s="58"/>
      <c r="AK41" s="58"/>
      <c r="AL41" s="59" t="s">
        <v>79</v>
      </c>
      <c r="AN41" s="3"/>
    </row>
    <row r="42" spans="2:40" ht="14.25" customHeight="1" thickTop="1">
      <c r="B42" s="427"/>
      <c r="C42" s="383"/>
      <c r="D42" s="72"/>
      <c r="E42" s="469" t="s">
        <v>82</v>
      </c>
      <c r="F42" s="469"/>
      <c r="G42" s="469"/>
      <c r="H42" s="469"/>
      <c r="I42" s="469"/>
      <c r="J42" s="469"/>
      <c r="K42" s="469"/>
      <c r="L42" s="470"/>
      <c r="M42" s="73"/>
      <c r="N42" s="75"/>
      <c r="O42" s="82"/>
      <c r="P42" s="74"/>
      <c r="Q42" s="75"/>
      <c r="R42" s="83" t="s">
        <v>76</v>
      </c>
      <c r="S42" s="84"/>
      <c r="T42" s="84"/>
      <c r="U42" s="84"/>
      <c r="V42" s="84"/>
      <c r="W42" s="84"/>
      <c r="X42" s="84"/>
      <c r="Y42" s="76"/>
      <c r="Z42" s="77"/>
      <c r="AA42" s="77"/>
      <c r="AB42" s="77"/>
      <c r="AC42" s="85"/>
      <c r="AD42" s="78"/>
      <c r="AE42" s="78"/>
      <c r="AF42" s="78"/>
      <c r="AG42" s="79"/>
      <c r="AH42" s="85"/>
      <c r="AI42" s="78"/>
      <c r="AJ42" s="78"/>
      <c r="AK42" s="78"/>
      <c r="AL42" s="79" t="s">
        <v>79</v>
      </c>
      <c r="AN42" s="3"/>
    </row>
    <row r="43" spans="2:40" ht="14.25" customHeight="1">
      <c r="B43" s="427"/>
      <c r="C43" s="383"/>
      <c r="D43" s="69"/>
      <c r="E43" s="440" t="s">
        <v>83</v>
      </c>
      <c r="F43" s="442"/>
      <c r="G43" s="442"/>
      <c r="H43" s="442"/>
      <c r="I43" s="442"/>
      <c r="J43" s="442"/>
      <c r="K43" s="442"/>
      <c r="L43" s="443"/>
      <c r="M43" s="37"/>
      <c r="N43" s="36"/>
      <c r="O43" s="18"/>
      <c r="P43" s="19"/>
      <c r="Q43" s="36"/>
      <c r="R43" s="11" t="s">
        <v>76</v>
      </c>
      <c r="S43" s="5"/>
      <c r="T43" s="5"/>
      <c r="U43" s="5"/>
      <c r="V43" s="5"/>
      <c r="W43" s="5"/>
      <c r="X43" s="5"/>
      <c r="Y43" s="9"/>
      <c r="Z43" s="30"/>
      <c r="AA43" s="30"/>
      <c r="AB43" s="30"/>
      <c r="AC43" s="15"/>
      <c r="AD43" s="16"/>
      <c r="AE43" s="16"/>
      <c r="AF43" s="16"/>
      <c r="AG43" s="17"/>
      <c r="AH43" s="15"/>
      <c r="AI43" s="16"/>
      <c r="AJ43" s="16"/>
      <c r="AK43" s="16"/>
      <c r="AL43" s="17" t="s">
        <v>79</v>
      </c>
      <c r="AN43" s="3"/>
    </row>
    <row r="44" spans="2:40" ht="14.25" customHeight="1">
      <c r="B44" s="427"/>
      <c r="C44" s="383"/>
      <c r="D44" s="69"/>
      <c r="E44" s="440" t="s">
        <v>84</v>
      </c>
      <c r="F44" s="442"/>
      <c r="G44" s="442"/>
      <c r="H44" s="442"/>
      <c r="I44" s="442"/>
      <c r="J44" s="442"/>
      <c r="K44" s="442"/>
      <c r="L44" s="443"/>
      <c r="M44" s="37"/>
      <c r="N44" s="36"/>
      <c r="O44" s="18"/>
      <c r="P44" s="19"/>
      <c r="Q44" s="36"/>
      <c r="R44" s="11" t="s">
        <v>76</v>
      </c>
      <c r="S44" s="5"/>
      <c r="T44" s="5"/>
      <c r="U44" s="5"/>
      <c r="V44" s="5"/>
      <c r="W44" s="5"/>
      <c r="X44" s="5"/>
      <c r="Y44" s="9"/>
      <c r="Z44" s="30"/>
      <c r="AA44" s="30"/>
      <c r="AB44" s="30"/>
      <c r="AC44" s="15"/>
      <c r="AD44" s="16"/>
      <c r="AE44" s="16"/>
      <c r="AF44" s="16"/>
      <c r="AG44" s="17"/>
      <c r="AH44" s="15"/>
      <c r="AI44" s="16"/>
      <c r="AJ44" s="16"/>
      <c r="AK44" s="16"/>
      <c r="AL44" s="17" t="s">
        <v>79</v>
      </c>
      <c r="AN44" s="3"/>
    </row>
    <row r="45" spans="2:40" ht="14.25" customHeight="1">
      <c r="B45" s="427"/>
      <c r="C45" s="383"/>
      <c r="D45" s="69"/>
      <c r="E45" s="440" t="s">
        <v>85</v>
      </c>
      <c r="F45" s="442"/>
      <c r="G45" s="442"/>
      <c r="H45" s="442"/>
      <c r="I45" s="442"/>
      <c r="J45" s="442"/>
      <c r="K45" s="442"/>
      <c r="L45" s="443"/>
      <c r="M45" s="37"/>
      <c r="N45" s="36"/>
      <c r="O45" s="18"/>
      <c r="P45" s="19"/>
      <c r="Q45" s="36"/>
      <c r="R45" s="11" t="s">
        <v>76</v>
      </c>
      <c r="S45" s="5"/>
      <c r="T45" s="5"/>
      <c r="U45" s="5"/>
      <c r="V45" s="5"/>
      <c r="W45" s="5"/>
      <c r="X45" s="5"/>
      <c r="Y45" s="9"/>
      <c r="Z45" s="30"/>
      <c r="AA45" s="30"/>
      <c r="AB45" s="30"/>
      <c r="AC45" s="15"/>
      <c r="AD45" s="16"/>
      <c r="AE45" s="16"/>
      <c r="AF45" s="16"/>
      <c r="AG45" s="17"/>
      <c r="AH45" s="15"/>
      <c r="AI45" s="16"/>
      <c r="AJ45" s="16"/>
      <c r="AK45" s="16"/>
      <c r="AL45" s="17" t="s">
        <v>79</v>
      </c>
      <c r="AN45" s="3"/>
    </row>
    <row r="46" spans="2:40" ht="14.25" customHeight="1">
      <c r="B46" s="427"/>
      <c r="C46" s="383"/>
      <c r="D46" s="69"/>
      <c r="E46" s="440" t="s">
        <v>86</v>
      </c>
      <c r="F46" s="442"/>
      <c r="G46" s="442"/>
      <c r="H46" s="442"/>
      <c r="I46" s="442"/>
      <c r="J46" s="442"/>
      <c r="K46" s="442"/>
      <c r="L46" s="443"/>
      <c r="M46" s="37"/>
      <c r="N46" s="36"/>
      <c r="O46" s="18"/>
      <c r="P46" s="19"/>
      <c r="Q46" s="36"/>
      <c r="R46" s="11" t="s">
        <v>76</v>
      </c>
      <c r="S46" s="5"/>
      <c r="T46" s="5"/>
      <c r="U46" s="5"/>
      <c r="V46" s="5"/>
      <c r="W46" s="5"/>
      <c r="X46" s="5"/>
      <c r="Y46" s="9"/>
      <c r="Z46" s="30"/>
      <c r="AA46" s="30"/>
      <c r="AB46" s="30"/>
      <c r="AC46" s="15"/>
      <c r="AD46" s="16"/>
      <c r="AE46" s="16"/>
      <c r="AF46" s="16"/>
      <c r="AG46" s="17"/>
      <c r="AH46" s="15"/>
      <c r="AI46" s="16"/>
      <c r="AJ46" s="16"/>
      <c r="AK46" s="16"/>
      <c r="AL46" s="17" t="s">
        <v>79</v>
      </c>
      <c r="AN46" s="3"/>
    </row>
    <row r="47" spans="2:40" ht="14.25" customHeight="1">
      <c r="B47" s="428"/>
      <c r="C47" s="383"/>
      <c r="D47" s="69"/>
      <c r="E47" s="440" t="s">
        <v>87</v>
      </c>
      <c r="F47" s="442"/>
      <c r="G47" s="442"/>
      <c r="H47" s="442"/>
      <c r="I47" s="442"/>
      <c r="J47" s="442"/>
      <c r="K47" s="442"/>
      <c r="L47" s="443"/>
      <c r="M47" s="37"/>
      <c r="N47" s="36"/>
      <c r="O47" s="18"/>
      <c r="P47" s="19"/>
      <c r="Q47" s="36"/>
      <c r="R47" s="11" t="s">
        <v>76</v>
      </c>
      <c r="S47" s="5"/>
      <c r="T47" s="5"/>
      <c r="U47" s="5"/>
      <c r="V47" s="5"/>
      <c r="W47" s="5"/>
      <c r="X47" s="5"/>
      <c r="Y47" s="9"/>
      <c r="Z47" s="30"/>
      <c r="AA47" s="30"/>
      <c r="AB47" s="30"/>
      <c r="AC47" s="15"/>
      <c r="AD47" s="16"/>
      <c r="AE47" s="16"/>
      <c r="AF47" s="16"/>
      <c r="AG47" s="17"/>
      <c r="AH47" s="15"/>
      <c r="AI47" s="16"/>
      <c r="AJ47" s="16"/>
      <c r="AK47" s="16"/>
      <c r="AL47" s="17" t="s">
        <v>79</v>
      </c>
      <c r="AN47" s="3"/>
    </row>
    <row r="48" spans="2:40" ht="14.25" customHeight="1">
      <c r="B48" s="463" t="s">
        <v>49</v>
      </c>
      <c r="C48" s="463"/>
      <c r="D48" s="463"/>
      <c r="E48" s="463"/>
      <c r="F48" s="463"/>
      <c r="G48" s="463"/>
      <c r="H48" s="463"/>
      <c r="I48" s="463"/>
      <c r="J48" s="463"/>
      <c r="K48" s="463"/>
      <c r="L48" s="62"/>
      <c r="M48" s="63"/>
      <c r="N48" s="63"/>
      <c r="O48" s="63"/>
      <c r="P48" s="63"/>
      <c r="Q48" s="63"/>
      <c r="R48" s="64"/>
      <c r="S48" s="64"/>
      <c r="T48" s="64"/>
      <c r="U48" s="65"/>
      <c r="V48" s="9"/>
      <c r="W48" s="10"/>
      <c r="X48" s="11"/>
      <c r="Y48" s="10"/>
      <c r="Z48" s="30"/>
      <c r="AA48" s="30"/>
      <c r="AB48" s="30"/>
      <c r="AC48" s="16"/>
      <c r="AD48" s="16"/>
      <c r="AE48" s="16"/>
      <c r="AF48" s="16"/>
      <c r="AG48" s="16"/>
      <c r="AH48" s="47"/>
      <c r="AI48" s="16"/>
      <c r="AJ48" s="16"/>
      <c r="AK48" s="16"/>
      <c r="AL48" s="17"/>
      <c r="AN48" s="3"/>
    </row>
    <row r="49" spans="2:40" ht="14.25" customHeight="1">
      <c r="B49" s="463" t="s">
        <v>50</v>
      </c>
      <c r="C49" s="463"/>
      <c r="D49" s="463"/>
      <c r="E49" s="463"/>
      <c r="F49" s="463"/>
      <c r="G49" s="463"/>
      <c r="H49" s="463"/>
      <c r="I49" s="463"/>
      <c r="J49" s="463"/>
      <c r="K49" s="464"/>
      <c r="L49" s="66"/>
      <c r="M49" s="19"/>
      <c r="N49" s="19"/>
      <c r="O49" s="19"/>
      <c r="P49" s="19"/>
      <c r="Q49" s="19"/>
      <c r="R49" s="10"/>
      <c r="S49" s="10"/>
      <c r="T49" s="10"/>
      <c r="U49" s="10"/>
      <c r="V49" s="8"/>
      <c r="W49" s="8"/>
      <c r="X49" s="8"/>
      <c r="Y49" s="8"/>
      <c r="Z49" s="68"/>
      <c r="AA49" s="68"/>
      <c r="AB49" s="68"/>
      <c r="AC49" s="60"/>
      <c r="AD49" s="60"/>
      <c r="AE49" s="60"/>
      <c r="AF49" s="60"/>
      <c r="AG49" s="60"/>
      <c r="AH49" s="51"/>
      <c r="AI49" s="60"/>
      <c r="AJ49" s="60"/>
      <c r="AK49" s="60"/>
      <c r="AL49" s="61"/>
      <c r="AN49" s="3"/>
    </row>
    <row r="50" spans="2:40" ht="14.25" customHeight="1">
      <c r="B50" s="410" t="s">
        <v>22</v>
      </c>
      <c r="C50" s="410"/>
      <c r="D50" s="410"/>
      <c r="E50" s="410"/>
      <c r="F50" s="410"/>
      <c r="G50" s="410"/>
      <c r="H50" s="410"/>
      <c r="I50" s="410"/>
      <c r="J50" s="410"/>
      <c r="K50" s="410"/>
      <c r="L50" s="62"/>
      <c r="M50" s="63"/>
      <c r="N50" s="63"/>
      <c r="O50" s="63"/>
      <c r="P50" s="63"/>
      <c r="Q50" s="63"/>
      <c r="R50" s="64"/>
      <c r="S50" s="64"/>
      <c r="T50" s="64"/>
      <c r="U50" s="65"/>
      <c r="V50" s="9" t="s">
        <v>0</v>
      </c>
      <c r="W50" s="10"/>
      <c r="X50" s="10"/>
      <c r="Y50" s="10"/>
      <c r="Z50" s="30"/>
      <c r="AA50" s="30"/>
      <c r="AB50" s="30"/>
      <c r="AC50" s="16"/>
      <c r="AD50" s="16"/>
      <c r="AE50" s="16"/>
      <c r="AF50" s="16"/>
      <c r="AG50" s="16"/>
      <c r="AH50" s="47"/>
      <c r="AI50" s="16"/>
      <c r="AJ50" s="16"/>
      <c r="AK50" s="16"/>
      <c r="AL50" s="17"/>
      <c r="AN50" s="3"/>
    </row>
    <row r="51" spans="2:40" ht="14.25" customHeight="1">
      <c r="B51" s="471" t="s">
        <v>51</v>
      </c>
      <c r="C51" s="471"/>
      <c r="D51" s="471"/>
      <c r="E51" s="471"/>
      <c r="F51" s="471"/>
      <c r="G51" s="471"/>
      <c r="H51" s="471"/>
      <c r="I51" s="471"/>
      <c r="J51" s="471"/>
      <c r="K51" s="471"/>
      <c r="L51" s="48"/>
      <c r="M51" s="19"/>
      <c r="N51" s="19"/>
      <c r="O51" s="19"/>
      <c r="P51" s="19"/>
      <c r="Q51" s="19"/>
      <c r="R51" s="10"/>
      <c r="S51" s="10"/>
      <c r="T51" s="10"/>
      <c r="U51" s="10"/>
      <c r="V51" s="10"/>
      <c r="W51" s="7"/>
      <c r="X51" s="7"/>
      <c r="Y51" s="7"/>
      <c r="Z51" s="67"/>
      <c r="AA51" s="67"/>
      <c r="AB51" s="67"/>
      <c r="AC51" s="58"/>
      <c r="AD51" s="58"/>
      <c r="AE51" s="58"/>
      <c r="AF51" s="58"/>
      <c r="AG51" s="58"/>
      <c r="AH51" s="49"/>
      <c r="AI51" s="58"/>
      <c r="AJ51" s="58"/>
      <c r="AK51" s="58"/>
      <c r="AL51" s="59"/>
      <c r="AN51" s="3"/>
    </row>
    <row r="52" spans="2:40" ht="14.25" customHeight="1">
      <c r="B52" s="472" t="s">
        <v>42</v>
      </c>
      <c r="C52" s="473"/>
      <c r="D52" s="473"/>
      <c r="E52" s="473"/>
      <c r="F52" s="473"/>
      <c r="G52" s="473"/>
      <c r="H52" s="473"/>
      <c r="I52" s="473"/>
      <c r="J52" s="473"/>
      <c r="K52" s="473"/>
      <c r="L52" s="473"/>
      <c r="M52" s="473"/>
      <c r="N52" s="473"/>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c r="B53" s="382" t="s">
        <v>23</v>
      </c>
      <c r="C53" s="474" t="s">
        <v>98</v>
      </c>
      <c r="D53" s="413"/>
      <c r="E53" s="413"/>
      <c r="F53" s="413"/>
      <c r="G53" s="413"/>
      <c r="H53" s="413"/>
      <c r="I53" s="413"/>
      <c r="J53" s="413"/>
      <c r="K53" s="413"/>
      <c r="L53" s="413"/>
      <c r="M53" s="413"/>
      <c r="N53" s="413"/>
      <c r="O53" s="413"/>
      <c r="P53" s="413"/>
      <c r="Q53" s="413"/>
      <c r="R53" s="413"/>
      <c r="S53" s="413"/>
      <c r="T53" s="414"/>
      <c r="U53" s="474" t="s">
        <v>35</v>
      </c>
      <c r="V53" s="475"/>
      <c r="W53" s="475"/>
      <c r="X53" s="475"/>
      <c r="Y53" s="475"/>
      <c r="Z53" s="475"/>
      <c r="AA53" s="475"/>
      <c r="AB53" s="475"/>
      <c r="AC53" s="475"/>
      <c r="AD53" s="475"/>
      <c r="AE53" s="475"/>
      <c r="AF53" s="475"/>
      <c r="AG53" s="475"/>
      <c r="AH53" s="475"/>
      <c r="AI53" s="475"/>
      <c r="AJ53" s="475"/>
      <c r="AK53" s="475"/>
      <c r="AL53" s="476"/>
      <c r="AN53" s="3"/>
    </row>
    <row r="54" spans="2:40">
      <c r="B54" s="383"/>
      <c r="C54" s="477"/>
      <c r="D54" s="478"/>
      <c r="E54" s="478"/>
      <c r="F54" s="478"/>
      <c r="G54" s="478"/>
      <c r="H54" s="478"/>
      <c r="I54" s="478"/>
      <c r="J54" s="478"/>
      <c r="K54" s="478"/>
      <c r="L54" s="478"/>
      <c r="M54" s="478"/>
      <c r="N54" s="478"/>
      <c r="O54" s="478"/>
      <c r="P54" s="478"/>
      <c r="Q54" s="478"/>
      <c r="R54" s="478"/>
      <c r="S54" s="478"/>
      <c r="T54" s="448"/>
      <c r="U54" s="477"/>
      <c r="V54" s="478"/>
      <c r="W54" s="478"/>
      <c r="X54" s="478"/>
      <c r="Y54" s="478"/>
      <c r="Z54" s="478"/>
      <c r="AA54" s="478"/>
      <c r="AB54" s="478"/>
      <c r="AC54" s="478"/>
      <c r="AD54" s="478"/>
      <c r="AE54" s="478"/>
      <c r="AF54" s="478"/>
      <c r="AG54" s="478"/>
      <c r="AH54" s="478"/>
      <c r="AI54" s="478"/>
      <c r="AJ54" s="478"/>
      <c r="AK54" s="478"/>
      <c r="AL54" s="448"/>
      <c r="AN54" s="3"/>
    </row>
    <row r="55" spans="2:40">
      <c r="B55" s="383"/>
      <c r="C55" s="479"/>
      <c r="D55" s="480"/>
      <c r="E55" s="480"/>
      <c r="F55" s="480"/>
      <c r="G55" s="480"/>
      <c r="H55" s="480"/>
      <c r="I55" s="480"/>
      <c r="J55" s="480"/>
      <c r="K55" s="480"/>
      <c r="L55" s="480"/>
      <c r="M55" s="480"/>
      <c r="N55" s="480"/>
      <c r="O55" s="480"/>
      <c r="P55" s="480"/>
      <c r="Q55" s="480"/>
      <c r="R55" s="480"/>
      <c r="S55" s="480"/>
      <c r="T55" s="450"/>
      <c r="U55" s="479"/>
      <c r="V55" s="480"/>
      <c r="W55" s="480"/>
      <c r="X55" s="480"/>
      <c r="Y55" s="480"/>
      <c r="Z55" s="480"/>
      <c r="AA55" s="480"/>
      <c r="AB55" s="480"/>
      <c r="AC55" s="480"/>
      <c r="AD55" s="480"/>
      <c r="AE55" s="480"/>
      <c r="AF55" s="480"/>
      <c r="AG55" s="480"/>
      <c r="AH55" s="480"/>
      <c r="AI55" s="480"/>
      <c r="AJ55" s="480"/>
      <c r="AK55" s="480"/>
      <c r="AL55" s="450"/>
      <c r="AN55" s="3"/>
    </row>
    <row r="56" spans="2:40">
      <c r="B56" s="383"/>
      <c r="C56" s="479"/>
      <c r="D56" s="480"/>
      <c r="E56" s="480"/>
      <c r="F56" s="480"/>
      <c r="G56" s="480"/>
      <c r="H56" s="480"/>
      <c r="I56" s="480"/>
      <c r="J56" s="480"/>
      <c r="K56" s="480"/>
      <c r="L56" s="480"/>
      <c r="M56" s="480"/>
      <c r="N56" s="480"/>
      <c r="O56" s="480"/>
      <c r="P56" s="480"/>
      <c r="Q56" s="480"/>
      <c r="R56" s="480"/>
      <c r="S56" s="480"/>
      <c r="T56" s="450"/>
      <c r="U56" s="479"/>
      <c r="V56" s="480"/>
      <c r="W56" s="480"/>
      <c r="X56" s="480"/>
      <c r="Y56" s="480"/>
      <c r="Z56" s="480"/>
      <c r="AA56" s="480"/>
      <c r="AB56" s="480"/>
      <c r="AC56" s="480"/>
      <c r="AD56" s="480"/>
      <c r="AE56" s="480"/>
      <c r="AF56" s="480"/>
      <c r="AG56" s="480"/>
      <c r="AH56" s="480"/>
      <c r="AI56" s="480"/>
      <c r="AJ56" s="480"/>
      <c r="AK56" s="480"/>
      <c r="AL56" s="450"/>
      <c r="AN56" s="3"/>
    </row>
    <row r="57" spans="2:40">
      <c r="B57" s="384"/>
      <c r="C57" s="481"/>
      <c r="D57" s="475"/>
      <c r="E57" s="475"/>
      <c r="F57" s="475"/>
      <c r="G57" s="475"/>
      <c r="H57" s="475"/>
      <c r="I57" s="475"/>
      <c r="J57" s="475"/>
      <c r="K57" s="475"/>
      <c r="L57" s="475"/>
      <c r="M57" s="475"/>
      <c r="N57" s="475"/>
      <c r="O57" s="475"/>
      <c r="P57" s="475"/>
      <c r="Q57" s="475"/>
      <c r="R57" s="475"/>
      <c r="S57" s="475"/>
      <c r="T57" s="476"/>
      <c r="U57" s="481"/>
      <c r="V57" s="475"/>
      <c r="W57" s="475"/>
      <c r="X57" s="475"/>
      <c r="Y57" s="475"/>
      <c r="Z57" s="475"/>
      <c r="AA57" s="475"/>
      <c r="AB57" s="475"/>
      <c r="AC57" s="475"/>
      <c r="AD57" s="475"/>
      <c r="AE57" s="475"/>
      <c r="AF57" s="475"/>
      <c r="AG57" s="475"/>
      <c r="AH57" s="475"/>
      <c r="AI57" s="475"/>
      <c r="AJ57" s="475"/>
      <c r="AK57" s="475"/>
      <c r="AL57" s="476"/>
      <c r="AN57" s="3"/>
    </row>
    <row r="58" spans="2:40" ht="14.25" customHeight="1">
      <c r="B58" s="378" t="s">
        <v>24</v>
      </c>
      <c r="C58" s="379"/>
      <c r="D58" s="379"/>
      <c r="E58" s="379"/>
      <c r="F58" s="380"/>
      <c r="G58" s="410" t="s">
        <v>25</v>
      </c>
      <c r="H58" s="410"/>
      <c r="I58" s="410"/>
      <c r="J58" s="410"/>
      <c r="K58" s="410"/>
      <c r="L58" s="410"/>
      <c r="M58" s="410"/>
      <c r="N58" s="410"/>
      <c r="O58" s="410"/>
      <c r="P58" s="410"/>
      <c r="Q58" s="410"/>
      <c r="R58" s="410"/>
      <c r="S58" s="410"/>
      <c r="T58" s="410"/>
      <c r="U58" s="410"/>
      <c r="V58" s="410"/>
      <c r="W58" s="410"/>
      <c r="X58" s="410"/>
      <c r="Y58" s="410"/>
      <c r="Z58" s="410"/>
      <c r="AA58" s="410"/>
      <c r="AB58" s="410"/>
      <c r="AC58" s="410"/>
      <c r="AD58" s="410"/>
      <c r="AE58" s="410"/>
      <c r="AF58" s="410"/>
      <c r="AG58" s="410"/>
      <c r="AH58" s="410"/>
      <c r="AI58" s="410"/>
      <c r="AJ58" s="410"/>
      <c r="AK58" s="410"/>
      <c r="AL58" s="410"/>
      <c r="AN58" s="3"/>
    </row>
    <row r="60" spans="2:40">
      <c r="B60" s="14" t="s">
        <v>54</v>
      </c>
    </row>
    <row r="61" spans="2:40">
      <c r="B61" s="14" t="s">
        <v>115</v>
      </c>
    </row>
    <row r="62" spans="2:40">
      <c r="B62" s="14" t="s">
        <v>116</v>
      </c>
    </row>
    <row r="63" spans="2:40">
      <c r="B63" s="14" t="s">
        <v>119</v>
      </c>
    </row>
    <row r="64" spans="2:40">
      <c r="B64" s="14" t="s">
        <v>77</v>
      </c>
    </row>
    <row r="65" spans="2:41">
      <c r="B65" s="14" t="s">
        <v>99</v>
      </c>
    </row>
    <row r="66" spans="2:41">
      <c r="B66" s="14" t="s">
        <v>78</v>
      </c>
      <c r="AN66" s="3"/>
      <c r="AO66" s="14"/>
    </row>
    <row r="67" spans="2:41">
      <c r="B67" s="14" t="s">
        <v>56</v>
      </c>
    </row>
    <row r="68" spans="2:41">
      <c r="B68" s="14" t="s">
        <v>80</v>
      </c>
    </row>
    <row r="69" spans="2:41">
      <c r="B69" s="14" t="s">
        <v>117</v>
      </c>
    </row>
    <row r="70" spans="2:41">
      <c r="B70" s="14" t="s">
        <v>114</v>
      </c>
    </row>
    <row r="84" spans="2:2" ht="12.75" customHeight="1">
      <c r="B84" s="46"/>
    </row>
    <row r="85" spans="2:2" ht="12.75" customHeight="1">
      <c r="B85" s="46" t="s">
        <v>37</v>
      </c>
    </row>
    <row r="86" spans="2:2" ht="12.75" customHeight="1">
      <c r="B86" s="46" t="s">
        <v>26</v>
      </c>
    </row>
    <row r="87" spans="2:2" ht="12.75" customHeight="1">
      <c r="B87" s="46" t="s">
        <v>28</v>
      </c>
    </row>
    <row r="88" spans="2:2" ht="12.75" customHeight="1">
      <c r="B88" s="46" t="s">
        <v>38</v>
      </c>
    </row>
    <row r="89" spans="2:2" ht="12.75" customHeight="1">
      <c r="B89" s="46" t="s">
        <v>29</v>
      </c>
    </row>
    <row r="90" spans="2:2" ht="12.75" customHeight="1">
      <c r="B90" s="46" t="s">
        <v>39</v>
      </c>
    </row>
    <row r="91" spans="2:2" ht="12.75" customHeight="1">
      <c r="B91" s="46" t="s">
        <v>40</v>
      </c>
    </row>
    <row r="92" spans="2:2" ht="12.75" customHeight="1">
      <c r="B92" s="46" t="s">
        <v>41</v>
      </c>
    </row>
    <row r="93" spans="2:2" ht="12.75" customHeight="1"/>
    <row r="94" spans="2:2" ht="12.75" customHeight="1"/>
    <row r="95" spans="2:2" ht="12.75" customHeight="1"/>
    <row r="96" spans="2:2" ht="12.75" customHeight="1"/>
    <row r="97" ht="12.75" customHeight="1"/>
    <row r="98" ht="12.75" customHeight="1"/>
    <row r="99" ht="12.75" customHeight="1"/>
    <row r="100" ht="12.75" customHeight="1"/>
    <row r="101" ht="12.75" customHeight="1"/>
    <row r="102" ht="12.75" customHeight="1"/>
    <row r="103" ht="12.75" customHeight="1"/>
    <row r="104" ht="12.75" customHeight="1"/>
    <row r="105" ht="12.75" customHeight="1"/>
    <row r="106" ht="12.75" customHeight="1"/>
    <row r="107" ht="12.75" customHeight="1"/>
    <row r="108" ht="12.75" customHeight="1"/>
    <row r="109" ht="12.75" customHeight="1"/>
    <row r="110" ht="12.75" customHeight="1"/>
    <row r="111" ht="12.75" customHeight="1"/>
    <row r="112" ht="12.75" customHeight="1"/>
    <row r="113" ht="12.75" customHeight="1"/>
    <row r="114" ht="12.75" customHeight="1"/>
    <row r="115" ht="12.75" customHeight="1"/>
    <row r="116" ht="12.75" customHeight="1"/>
    <row r="117" ht="12.75" customHeight="1"/>
    <row r="118" ht="12.75" customHeight="1"/>
    <row r="119" ht="12.75" customHeight="1"/>
    <row r="120" ht="12.75" customHeight="1"/>
    <row r="121" ht="12.75" customHeight="1"/>
    <row r="122" ht="12.75" customHeight="1"/>
    <row r="123" ht="12.75" customHeight="1"/>
    <row r="124" ht="12.75" customHeight="1"/>
    <row r="125" ht="12.75" customHeight="1"/>
    <row r="126" ht="12.75" customHeight="1"/>
    <row r="127" ht="12.75" customHeight="1"/>
    <row r="128" ht="12.75" customHeight="1"/>
    <row r="129" ht="12.75" customHeight="1"/>
    <row r="130" ht="12.75" customHeight="1"/>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L28:AL28"/>
    <mergeCell ref="C29:K29"/>
    <mergeCell ref="L29:P29"/>
    <mergeCell ref="Z29:AD29"/>
    <mergeCell ref="AJ29:AL29"/>
    <mergeCell ref="C19:K21"/>
    <mergeCell ref="L19:AL19"/>
    <mergeCell ref="L20:AL20"/>
    <mergeCell ref="L21:AL21"/>
    <mergeCell ref="B22:B33"/>
    <mergeCell ref="C22:K24"/>
    <mergeCell ref="L22:AL22"/>
    <mergeCell ref="L23:AL23"/>
    <mergeCell ref="L24:AL24"/>
    <mergeCell ref="C25:K25"/>
    <mergeCell ref="L25:P25"/>
    <mergeCell ref="Z25:AD25"/>
    <mergeCell ref="AJ25:AL25"/>
    <mergeCell ref="C26:K28"/>
    <mergeCell ref="L26:AL26"/>
    <mergeCell ref="L27:AL27"/>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6"/>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別紙1（サテライト)</vt:lpstr>
      <vt:lpstr>備考（1）</vt:lpstr>
      <vt:lpstr>★別紙1－2 (サテライト)</vt:lpstr>
      <vt:lpstr>参考様式23</vt:lpstr>
      <vt:lpstr>参考様式23-参考資料</vt:lpstr>
      <vt:lpstr>別紙●24</vt:lpstr>
      <vt:lpstr>'★別紙1（サテライト)'!Print_Area</vt:lpstr>
      <vt:lpstr>'★別紙1－2 (サテライト)'!Print_Area</vt:lpstr>
      <vt:lpstr>参考様式23!Print_Area</vt:lpstr>
      <vt:lpstr>'参考様式23-参考資料'!Print_Area</vt:lpstr>
      <vt:lpstr>'備考（1）'!Print_Area</vt:lpstr>
      <vt:lpstr>別紙●24!Print_Area</vt:lpstr>
    </vt:vector>
  </TitlesOfParts>
  <Manager/>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福田 悠(fukuda-yuu.n55)</dc:creator>
  <cp:keywords/>
  <dc:description/>
  <cp:lastModifiedBy>広島県</cp:lastModifiedBy>
  <cp:revision>1</cp:revision>
  <cp:lastPrinted>2022-09-29T02:39:06Z</cp:lastPrinted>
  <dcterms:created xsi:type="dcterms:W3CDTF">2021-03-17T07:18:01Z</dcterms:created>
  <dcterms:modified xsi:type="dcterms:W3CDTF">2022-09-29T04:23:08Z</dcterms:modified>
  <cp:category/>
</cp:coreProperties>
</file>